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notesSlides/notesSlide4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autoCompressPictures="0">
  <p:sldMasterIdLst>
    <p:sldMasterId id="2147483660" r:id="rId4"/>
  </p:sldMasterIdLst>
  <p:notesMasterIdLst>
    <p:notesMasterId r:id="rId22"/>
  </p:notesMasterIdLst>
  <p:sldIdLst>
    <p:sldId id="321" r:id="rId5"/>
    <p:sldId id="609" r:id="rId6"/>
    <p:sldId id="317" r:id="rId7"/>
    <p:sldId id="607" r:id="rId8"/>
    <p:sldId id="608" r:id="rId9"/>
    <p:sldId id="324" r:id="rId10"/>
    <p:sldId id="610" r:id="rId11"/>
    <p:sldId id="257" r:id="rId12"/>
    <p:sldId id="318" r:id="rId13"/>
    <p:sldId id="259" r:id="rId14"/>
    <p:sldId id="325" r:id="rId15"/>
    <p:sldId id="326" r:id="rId16"/>
    <p:sldId id="611" r:id="rId17"/>
    <p:sldId id="612" r:id="rId18"/>
    <p:sldId id="263" r:id="rId19"/>
    <p:sldId id="316" r:id="rId20"/>
    <p:sldId id="307" r:id="rId21"/>
  </p:sldIdLst>
  <p:sldSz cx="15243175" cy="7964488"/>
  <p:notesSz cx="6858000" cy="9144000"/>
  <p:embeddedFontLst>
    <p:embeddedFont>
      <p:font typeface="Calibri" panose="020F0502020204030204" pitchFamily="34" charset="0"/>
      <p:regular r:id="rId23"/>
      <p:bold r:id="rId24"/>
      <p:italic r:id="rId25"/>
      <p:boldItalic r:id="rId26"/>
    </p:embeddedFont>
    <p:embeddedFont>
      <p:font typeface="Varela Round" pitchFamily="2" charset="-79"/>
      <p:regular r:id="rId27"/>
    </p:embeddedFont>
  </p:embeddedFontLst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300364E2-1B9A-1AD0-69EC-DEFC61AB1EBB}" name="Megan Cannon" initials="MC" userId="S::mcannon@virtualinc.com::86cbc9d0-3ef4-47ed-afa5-92b0360f43e8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C440F"/>
    <a:srgbClr val="00A4FF"/>
    <a:srgbClr val="FDE74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3C2FFA5D-87B4-456A-9821-1D502468CF0F}" styleName="Themed Style 1 - Accent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284E427A-3D55-4303-BF80-6455036E1DE7}" styleName="Themed Style 1 - Acc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2998"/>
    <p:restoredTop sz="96327" autoAdjust="0"/>
  </p:normalViewPr>
  <p:slideViewPr>
    <p:cSldViewPr snapToGrid="0" snapToObjects="1">
      <p:cViewPr varScale="1">
        <p:scale>
          <a:sx n="93" d="100"/>
          <a:sy n="93" d="100"/>
        </p:scale>
        <p:origin x="232" y="64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font" Target="fonts/font4.fntdata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font" Target="fonts/font3.fntdata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font" Target="fonts/font2.fntdata"/><Relationship Id="rId32" Type="http://schemas.microsoft.com/office/2018/10/relationships/authors" Target="author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font" Target="fonts/font1.fntdata"/><Relationship Id="rId28" Type="http://schemas.openxmlformats.org/officeDocument/2006/relationships/presProps" Target="pres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tableStyles" Target="tableStyle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notesMaster" Target="notesMasters/notesMaster1.xml"/><Relationship Id="rId27" Type="http://schemas.openxmlformats.org/officeDocument/2006/relationships/font" Target="fonts/font5.fntdata"/><Relationship Id="rId30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5">
  <dgm:title val=""/>
  <dgm:desc val=""/>
  <dgm:catLst>
    <dgm:cat type="colorful" pri="10500"/>
  </dgm:catLst>
  <dgm:styleLbl name="node0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/>
      <a:schemeClr val="accent6"/>
    </dgm:fillClrLst>
    <dgm:linClrLst>
      <a:schemeClr val="accent5"/>
      <a:schemeClr val="accent6"/>
    </dgm:linClrLst>
    <dgm:effectClrLst/>
    <dgm:txLinClrLst/>
    <dgm:txFillClrLst/>
    <dgm:txEffectClrLst/>
  </dgm:styleLbl>
  <dgm:styleLbl name="ln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7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A3EEF960-A5D6-6B43-B234-ACB6C2106B80}" type="doc">
      <dgm:prSet loTypeId="urn:microsoft.com/office/officeart/2005/8/layout/venn3" loCatId="" qsTypeId="urn:microsoft.com/office/officeart/2005/8/quickstyle/simple1" qsCatId="simple" csTypeId="urn:microsoft.com/office/officeart/2005/8/colors/colorful5" csCatId="colorful" phldr="1"/>
      <dgm:spPr/>
      <dgm:t>
        <a:bodyPr/>
        <a:lstStyle/>
        <a:p>
          <a:endParaRPr lang="en-GB"/>
        </a:p>
      </dgm:t>
    </dgm:pt>
    <dgm:pt modelId="{B2D9FBCF-D170-094D-A3AD-835410C7D92A}">
      <dgm:prSet phldrT="[Text]" custT="1"/>
      <dgm:spPr/>
      <dgm:t>
        <a:bodyPr/>
        <a:lstStyle/>
        <a:p>
          <a:pPr algn="ctr">
            <a:buNone/>
          </a:pPr>
          <a:r>
            <a:rPr lang="en-GB" sz="25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Builders</a:t>
          </a:r>
        </a:p>
      </dgm:t>
    </dgm:pt>
    <dgm:pt modelId="{7308CE01-0218-504D-B4CF-D75AEB2B9298}" type="parTrans" cxnId="{EF413758-7C27-6B43-8D2B-10E37E60325C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BEC0B130-26DB-5C43-8EF3-144F0F8FEFA2}" type="sibTrans" cxnId="{EF413758-7C27-6B43-8D2B-10E37E60325C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B836FA83-F5BA-FD40-8CF9-65981B1B173B}">
      <dgm:prSet phldrT="[Text]" custT="1"/>
      <dgm:spPr/>
      <dgm:t>
        <a:bodyPr/>
        <a:lstStyle/>
        <a:p>
          <a:pPr algn="ctr">
            <a:buNone/>
          </a:pPr>
          <a:r>
            <a:rPr lang="en-GB" sz="25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Contributor</a:t>
          </a:r>
        </a:p>
      </dgm:t>
    </dgm:pt>
    <dgm:pt modelId="{01962033-1B13-6047-862B-D7FA3DF05FA2}" type="parTrans" cxnId="{983A944A-FEBC-BF41-B421-56D74A45160F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66771282-3194-1F4F-A0FE-FA7C08F02F5F}" type="sibTrans" cxnId="{983A944A-FEBC-BF41-B421-56D74A45160F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635BCF01-4884-274E-8616-1B9525F02042}">
      <dgm:prSet phldrT="[Text]" custT="1"/>
      <dgm:spPr/>
      <dgm:t>
        <a:bodyPr/>
        <a:lstStyle/>
        <a:p>
          <a:pPr algn="ctr">
            <a:buNone/>
          </a:pPr>
          <a:r>
            <a:rPr lang="en-GB" sz="25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Participants</a:t>
          </a:r>
        </a:p>
      </dgm:t>
    </dgm:pt>
    <dgm:pt modelId="{A6B6EAAA-1F3F-4848-B07B-B483BC445F20}" type="parTrans" cxnId="{10B9906A-93A6-614F-AC70-53175DBF2CBD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0E50D3A8-4D24-5747-98D7-B704D75D7388}" type="sibTrans" cxnId="{10B9906A-93A6-614F-AC70-53175DBF2CBD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1461F003-8293-B644-B675-5E77C57B7CAE}">
      <dgm:prSet phldrT="[Text]" custT="1"/>
      <dgm:spPr/>
      <dgm:t>
        <a:bodyPr/>
        <a:lstStyle/>
        <a:p>
          <a:pPr algn="ctr">
            <a:buNone/>
          </a:pPr>
          <a:r>
            <a:rPr lang="en-GB" sz="25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Explorers</a:t>
          </a:r>
        </a:p>
      </dgm:t>
    </dgm:pt>
    <dgm:pt modelId="{E7ACBAAE-7D53-804F-8C0F-6FC8B199062B}" type="parTrans" cxnId="{AC7DA5BF-343F-DD4C-907D-6A2CFCF2413C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47E26869-A47D-604C-8679-B06F57037554}" type="sibTrans" cxnId="{AC7DA5BF-343F-DD4C-907D-6A2CFCF2413C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5DE69EBC-24F8-EF4A-B5AF-9B09D1A5984B}">
      <dgm:prSet custT="1"/>
      <dgm:spPr/>
      <dgm:t>
        <a:bodyPr/>
        <a:lstStyle/>
        <a:p>
          <a:pPr algn="ctr">
            <a:buNone/>
          </a:pPr>
          <a:r>
            <a:rPr lang="en-GB" sz="25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17</a:t>
          </a:r>
        </a:p>
      </dgm:t>
    </dgm:pt>
    <dgm:pt modelId="{1683EF21-3CE2-F64F-A385-9D21F1D56D2E}" type="parTrans" cxnId="{2B3A9D33-9EB6-274C-8002-8ECF2D4E91DF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1EA6E122-03D3-4F40-A4B9-4B3E7DD41FAA}" type="sibTrans" cxnId="{2B3A9D33-9EB6-274C-8002-8ECF2D4E91DF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2D6E03F7-E74F-C646-BF01-619ED9499317}">
      <dgm:prSet custT="1"/>
      <dgm:spPr/>
      <dgm:t>
        <a:bodyPr/>
        <a:lstStyle/>
        <a:p>
          <a:pPr algn="ctr">
            <a:buNone/>
          </a:pPr>
          <a:r>
            <a:rPr lang="en-GB" sz="25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No Level</a:t>
          </a:r>
        </a:p>
      </dgm:t>
    </dgm:pt>
    <dgm:pt modelId="{3A2AB51C-7F13-2D44-8876-64C85327BFF7}" type="parTrans" cxnId="{FECD92A7-7ED3-1649-93A1-F7DE794753B0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322359C5-F537-FA44-886F-9C11ECBAC715}" type="sibTrans" cxnId="{FECD92A7-7ED3-1649-93A1-F7DE794753B0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F1DD7975-AC1B-894C-91F7-42B759976FAF}">
      <dgm:prSet custT="1"/>
      <dgm:spPr/>
      <dgm:t>
        <a:bodyPr/>
        <a:lstStyle/>
        <a:p>
          <a:pPr algn="ctr">
            <a:buNone/>
          </a:pPr>
          <a:r>
            <a:rPr lang="en-GB" sz="25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4</a:t>
          </a:r>
        </a:p>
      </dgm:t>
    </dgm:pt>
    <dgm:pt modelId="{BB4BE9D6-2F81-C74A-A2C0-C85EF2847011}" type="parTrans" cxnId="{11ADF746-6A75-C447-9220-F092DF6F1532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C248A00C-82DC-F842-A7EF-7D37D843C8D2}" type="sibTrans" cxnId="{11ADF746-6A75-C447-9220-F092DF6F1532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DCBF39AF-0A5E-824C-9211-56D40B567191}">
      <dgm:prSet custT="1"/>
      <dgm:spPr/>
      <dgm:t>
        <a:bodyPr/>
        <a:lstStyle/>
        <a:p>
          <a:pPr algn="ctr">
            <a:buNone/>
          </a:pPr>
          <a:r>
            <a:rPr lang="en-GB" sz="25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70</a:t>
          </a:r>
        </a:p>
      </dgm:t>
    </dgm:pt>
    <dgm:pt modelId="{573D4E25-94DB-5343-86A7-857772EFA715}" type="parTrans" cxnId="{9D799ECB-1C3C-7646-BE3E-4A07C2F7CF18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2919BEF2-E3C8-B646-8A99-5C773AD4D874}" type="sibTrans" cxnId="{9D799ECB-1C3C-7646-BE3E-4A07C2F7CF18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8F03518B-AE97-5D45-B7AD-45824A60B2A4}">
      <dgm:prSet custT="1"/>
      <dgm:spPr/>
      <dgm:t>
        <a:bodyPr/>
        <a:lstStyle/>
        <a:p>
          <a:pPr algn="ctr">
            <a:buNone/>
          </a:pPr>
          <a:r>
            <a:rPr lang="en-GB" sz="25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106</a:t>
          </a:r>
        </a:p>
      </dgm:t>
    </dgm:pt>
    <dgm:pt modelId="{C8E25460-89D8-F54C-8A47-45BBA29611C4}" type="parTrans" cxnId="{C0C09F2D-CDAB-B44F-A710-E46C27E4B0D0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2BFD6D3C-F2D7-304E-80A8-53D1ACFE9FE0}" type="sibTrans" cxnId="{C0C09F2D-CDAB-B44F-A710-E46C27E4B0D0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DCF641F8-E10A-E64B-9942-90244D5384E4}">
      <dgm:prSet custT="1"/>
      <dgm:spPr/>
      <dgm:t>
        <a:bodyPr/>
        <a:lstStyle/>
        <a:p>
          <a:pPr algn="ctr">
            <a:buNone/>
          </a:pPr>
          <a:r>
            <a:rPr lang="en-GB" sz="25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78</a:t>
          </a:r>
        </a:p>
      </dgm:t>
    </dgm:pt>
    <dgm:pt modelId="{305C12EE-836F-4B4E-A75C-787A5C7592F2}" type="parTrans" cxnId="{53D97B6A-4CD5-354F-901A-542C199EBA9D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BAEFBE86-0E00-794C-9A3E-5D551FD5DC03}" type="sibTrans" cxnId="{53D97B6A-4CD5-354F-901A-542C199EBA9D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99ABEB96-70DB-7C42-BC84-5858BD31E469}" type="pres">
      <dgm:prSet presAssocID="{A3EEF960-A5D6-6B43-B234-ACB6C2106B80}" presName="Name0" presStyleCnt="0">
        <dgm:presLayoutVars>
          <dgm:dir/>
          <dgm:resizeHandles val="exact"/>
        </dgm:presLayoutVars>
      </dgm:prSet>
      <dgm:spPr/>
    </dgm:pt>
    <dgm:pt modelId="{0AF4CFB1-ED8F-7045-992B-3CC6E17BC4F3}" type="pres">
      <dgm:prSet presAssocID="{B2D9FBCF-D170-094D-A3AD-835410C7D92A}" presName="Name5" presStyleLbl="vennNode1" presStyleIdx="0" presStyleCnt="5" custLinFactNeighborX="-256" custLinFactNeighborY="0">
        <dgm:presLayoutVars>
          <dgm:bulletEnabled val="1"/>
        </dgm:presLayoutVars>
      </dgm:prSet>
      <dgm:spPr/>
    </dgm:pt>
    <dgm:pt modelId="{570335CD-AB8A-F344-9B92-64A398373E32}" type="pres">
      <dgm:prSet presAssocID="{BEC0B130-26DB-5C43-8EF3-144F0F8FEFA2}" presName="space" presStyleCnt="0"/>
      <dgm:spPr/>
    </dgm:pt>
    <dgm:pt modelId="{BB6D42BF-9C0D-8E49-974D-A161597B4132}" type="pres">
      <dgm:prSet presAssocID="{B836FA83-F5BA-FD40-8CF9-65981B1B173B}" presName="Name5" presStyleLbl="vennNode1" presStyleIdx="1" presStyleCnt="5">
        <dgm:presLayoutVars>
          <dgm:bulletEnabled val="1"/>
        </dgm:presLayoutVars>
      </dgm:prSet>
      <dgm:spPr/>
    </dgm:pt>
    <dgm:pt modelId="{45628EB6-CFB5-014F-9DBC-5D6885857A41}" type="pres">
      <dgm:prSet presAssocID="{66771282-3194-1F4F-A0FE-FA7C08F02F5F}" presName="space" presStyleCnt="0"/>
      <dgm:spPr/>
    </dgm:pt>
    <dgm:pt modelId="{792097DD-4669-224A-ABF2-71B955D2F9F4}" type="pres">
      <dgm:prSet presAssocID="{635BCF01-4884-274E-8616-1B9525F02042}" presName="Name5" presStyleLbl="vennNode1" presStyleIdx="2" presStyleCnt="5">
        <dgm:presLayoutVars>
          <dgm:bulletEnabled val="1"/>
        </dgm:presLayoutVars>
      </dgm:prSet>
      <dgm:spPr/>
    </dgm:pt>
    <dgm:pt modelId="{3DA118D8-53E4-DC40-B65E-5FA3D4ECB1F1}" type="pres">
      <dgm:prSet presAssocID="{0E50D3A8-4D24-5747-98D7-B704D75D7388}" presName="space" presStyleCnt="0"/>
      <dgm:spPr/>
    </dgm:pt>
    <dgm:pt modelId="{42EB534D-30DE-8F4E-BA37-16A47BF6123B}" type="pres">
      <dgm:prSet presAssocID="{1461F003-8293-B644-B675-5E77C57B7CAE}" presName="Name5" presStyleLbl="vennNode1" presStyleIdx="3" presStyleCnt="5">
        <dgm:presLayoutVars>
          <dgm:bulletEnabled val="1"/>
        </dgm:presLayoutVars>
      </dgm:prSet>
      <dgm:spPr/>
    </dgm:pt>
    <dgm:pt modelId="{92AAB941-3EB6-B745-949F-D8AEF96838E5}" type="pres">
      <dgm:prSet presAssocID="{47E26869-A47D-604C-8679-B06F57037554}" presName="space" presStyleCnt="0"/>
      <dgm:spPr/>
    </dgm:pt>
    <dgm:pt modelId="{2D9D81FD-2404-6941-A792-2D41DAF24CCF}" type="pres">
      <dgm:prSet presAssocID="{2D6E03F7-E74F-C646-BF01-619ED9499317}" presName="Name5" presStyleLbl="vennNode1" presStyleIdx="4" presStyleCnt="5">
        <dgm:presLayoutVars>
          <dgm:bulletEnabled val="1"/>
        </dgm:presLayoutVars>
      </dgm:prSet>
      <dgm:spPr/>
    </dgm:pt>
  </dgm:ptLst>
  <dgm:cxnLst>
    <dgm:cxn modelId="{C0C09F2D-CDAB-B44F-A710-E46C27E4B0D0}" srcId="{1461F003-8293-B644-B675-5E77C57B7CAE}" destId="{8F03518B-AE97-5D45-B7AD-45824A60B2A4}" srcOrd="0" destOrd="0" parTransId="{C8E25460-89D8-F54C-8A47-45BBA29611C4}" sibTransId="{2BFD6D3C-F2D7-304E-80A8-53D1ACFE9FE0}"/>
    <dgm:cxn modelId="{2B3A9D33-9EB6-274C-8002-8ECF2D4E91DF}" srcId="{B2D9FBCF-D170-094D-A3AD-835410C7D92A}" destId="{5DE69EBC-24F8-EF4A-B5AF-9B09D1A5984B}" srcOrd="0" destOrd="0" parTransId="{1683EF21-3CE2-F64F-A385-9D21F1D56D2E}" sibTransId="{1EA6E122-03D3-4F40-A4B9-4B3E7DD41FAA}"/>
    <dgm:cxn modelId="{A4965342-E951-1149-A189-552060241E6D}" type="presOf" srcId="{DCBF39AF-0A5E-824C-9211-56D40B567191}" destId="{792097DD-4669-224A-ABF2-71B955D2F9F4}" srcOrd="0" destOrd="1" presId="urn:microsoft.com/office/officeart/2005/8/layout/venn3"/>
    <dgm:cxn modelId="{2FBBB044-9880-4E4B-A20A-326808F25763}" type="presOf" srcId="{8F03518B-AE97-5D45-B7AD-45824A60B2A4}" destId="{42EB534D-30DE-8F4E-BA37-16A47BF6123B}" srcOrd="0" destOrd="1" presId="urn:microsoft.com/office/officeart/2005/8/layout/venn3"/>
    <dgm:cxn modelId="{11ADF746-6A75-C447-9220-F092DF6F1532}" srcId="{B836FA83-F5BA-FD40-8CF9-65981B1B173B}" destId="{F1DD7975-AC1B-894C-91F7-42B759976FAF}" srcOrd="0" destOrd="0" parTransId="{BB4BE9D6-2F81-C74A-A2C0-C85EF2847011}" sibTransId="{C248A00C-82DC-F842-A7EF-7D37D843C8D2}"/>
    <dgm:cxn modelId="{983A944A-FEBC-BF41-B421-56D74A45160F}" srcId="{A3EEF960-A5D6-6B43-B234-ACB6C2106B80}" destId="{B836FA83-F5BA-FD40-8CF9-65981B1B173B}" srcOrd="1" destOrd="0" parTransId="{01962033-1B13-6047-862B-D7FA3DF05FA2}" sibTransId="{66771282-3194-1F4F-A0FE-FA7C08F02F5F}"/>
    <dgm:cxn modelId="{EF413758-7C27-6B43-8D2B-10E37E60325C}" srcId="{A3EEF960-A5D6-6B43-B234-ACB6C2106B80}" destId="{B2D9FBCF-D170-094D-A3AD-835410C7D92A}" srcOrd="0" destOrd="0" parTransId="{7308CE01-0218-504D-B4CF-D75AEB2B9298}" sibTransId="{BEC0B130-26DB-5C43-8EF3-144F0F8FEFA2}"/>
    <dgm:cxn modelId="{53D97B6A-4CD5-354F-901A-542C199EBA9D}" srcId="{2D6E03F7-E74F-C646-BF01-619ED9499317}" destId="{DCF641F8-E10A-E64B-9942-90244D5384E4}" srcOrd="0" destOrd="0" parTransId="{305C12EE-836F-4B4E-A75C-787A5C7592F2}" sibTransId="{BAEFBE86-0E00-794C-9A3E-5D551FD5DC03}"/>
    <dgm:cxn modelId="{10B9906A-93A6-614F-AC70-53175DBF2CBD}" srcId="{A3EEF960-A5D6-6B43-B234-ACB6C2106B80}" destId="{635BCF01-4884-274E-8616-1B9525F02042}" srcOrd="2" destOrd="0" parTransId="{A6B6EAAA-1F3F-4848-B07B-B483BC445F20}" sibTransId="{0E50D3A8-4D24-5747-98D7-B704D75D7388}"/>
    <dgm:cxn modelId="{03205A75-78FA-874F-92D0-B6DAB4119F7F}" type="presOf" srcId="{1461F003-8293-B644-B675-5E77C57B7CAE}" destId="{42EB534D-30DE-8F4E-BA37-16A47BF6123B}" srcOrd="0" destOrd="0" presId="urn:microsoft.com/office/officeart/2005/8/layout/venn3"/>
    <dgm:cxn modelId="{2D3CF075-4D1D-D340-9020-562AD83C8C25}" type="presOf" srcId="{2D6E03F7-E74F-C646-BF01-619ED9499317}" destId="{2D9D81FD-2404-6941-A792-2D41DAF24CCF}" srcOrd="0" destOrd="0" presId="urn:microsoft.com/office/officeart/2005/8/layout/venn3"/>
    <dgm:cxn modelId="{8F8C0482-9FF9-5A4E-B3AF-B37BDFB150EA}" type="presOf" srcId="{B836FA83-F5BA-FD40-8CF9-65981B1B173B}" destId="{BB6D42BF-9C0D-8E49-974D-A161597B4132}" srcOrd="0" destOrd="0" presId="urn:microsoft.com/office/officeart/2005/8/layout/venn3"/>
    <dgm:cxn modelId="{FECD92A7-7ED3-1649-93A1-F7DE794753B0}" srcId="{A3EEF960-A5D6-6B43-B234-ACB6C2106B80}" destId="{2D6E03F7-E74F-C646-BF01-619ED9499317}" srcOrd="4" destOrd="0" parTransId="{3A2AB51C-7F13-2D44-8876-64C85327BFF7}" sibTransId="{322359C5-F537-FA44-886F-9C11ECBAC715}"/>
    <dgm:cxn modelId="{A50F40BB-525B-B942-B4A6-624E77855330}" type="presOf" srcId="{A3EEF960-A5D6-6B43-B234-ACB6C2106B80}" destId="{99ABEB96-70DB-7C42-BC84-5858BD31E469}" srcOrd="0" destOrd="0" presId="urn:microsoft.com/office/officeart/2005/8/layout/venn3"/>
    <dgm:cxn modelId="{AC7DA5BF-343F-DD4C-907D-6A2CFCF2413C}" srcId="{A3EEF960-A5D6-6B43-B234-ACB6C2106B80}" destId="{1461F003-8293-B644-B675-5E77C57B7CAE}" srcOrd="3" destOrd="0" parTransId="{E7ACBAAE-7D53-804F-8C0F-6FC8B199062B}" sibTransId="{47E26869-A47D-604C-8679-B06F57037554}"/>
    <dgm:cxn modelId="{9D799ECB-1C3C-7646-BE3E-4A07C2F7CF18}" srcId="{635BCF01-4884-274E-8616-1B9525F02042}" destId="{DCBF39AF-0A5E-824C-9211-56D40B567191}" srcOrd="0" destOrd="0" parTransId="{573D4E25-94DB-5343-86A7-857772EFA715}" sibTransId="{2919BEF2-E3C8-B646-8A99-5C773AD4D874}"/>
    <dgm:cxn modelId="{3A01A6D0-8B66-244C-B7D5-070A98C442A2}" type="presOf" srcId="{635BCF01-4884-274E-8616-1B9525F02042}" destId="{792097DD-4669-224A-ABF2-71B955D2F9F4}" srcOrd="0" destOrd="0" presId="urn:microsoft.com/office/officeart/2005/8/layout/venn3"/>
    <dgm:cxn modelId="{D98864DC-F332-CD48-84DC-81782D2BC26F}" type="presOf" srcId="{DCF641F8-E10A-E64B-9942-90244D5384E4}" destId="{2D9D81FD-2404-6941-A792-2D41DAF24CCF}" srcOrd="0" destOrd="1" presId="urn:microsoft.com/office/officeart/2005/8/layout/venn3"/>
    <dgm:cxn modelId="{591DA4E1-E7CA-2E4F-B543-0BC047ADFD87}" type="presOf" srcId="{5DE69EBC-24F8-EF4A-B5AF-9B09D1A5984B}" destId="{0AF4CFB1-ED8F-7045-992B-3CC6E17BC4F3}" srcOrd="0" destOrd="1" presId="urn:microsoft.com/office/officeart/2005/8/layout/venn3"/>
    <dgm:cxn modelId="{DE2324E3-ABA6-8C46-AA5D-435560A1E203}" type="presOf" srcId="{F1DD7975-AC1B-894C-91F7-42B759976FAF}" destId="{BB6D42BF-9C0D-8E49-974D-A161597B4132}" srcOrd="0" destOrd="1" presId="urn:microsoft.com/office/officeart/2005/8/layout/venn3"/>
    <dgm:cxn modelId="{065C39E6-F6F8-9643-80AE-EDD074DABB57}" type="presOf" srcId="{B2D9FBCF-D170-094D-A3AD-835410C7D92A}" destId="{0AF4CFB1-ED8F-7045-992B-3CC6E17BC4F3}" srcOrd="0" destOrd="0" presId="urn:microsoft.com/office/officeart/2005/8/layout/venn3"/>
    <dgm:cxn modelId="{DB7070E6-E157-3048-B4B7-4BD4490C5E51}" type="presParOf" srcId="{99ABEB96-70DB-7C42-BC84-5858BD31E469}" destId="{0AF4CFB1-ED8F-7045-992B-3CC6E17BC4F3}" srcOrd="0" destOrd="0" presId="urn:microsoft.com/office/officeart/2005/8/layout/venn3"/>
    <dgm:cxn modelId="{49933F26-FC97-AB4D-9B87-6214EF784338}" type="presParOf" srcId="{99ABEB96-70DB-7C42-BC84-5858BD31E469}" destId="{570335CD-AB8A-F344-9B92-64A398373E32}" srcOrd="1" destOrd="0" presId="urn:microsoft.com/office/officeart/2005/8/layout/venn3"/>
    <dgm:cxn modelId="{042AF9B6-F723-B048-8DCF-0B857EEBAC43}" type="presParOf" srcId="{99ABEB96-70DB-7C42-BC84-5858BD31E469}" destId="{BB6D42BF-9C0D-8E49-974D-A161597B4132}" srcOrd="2" destOrd="0" presId="urn:microsoft.com/office/officeart/2005/8/layout/venn3"/>
    <dgm:cxn modelId="{11F7F63F-B92F-8247-B516-859FBCC22A85}" type="presParOf" srcId="{99ABEB96-70DB-7C42-BC84-5858BD31E469}" destId="{45628EB6-CFB5-014F-9DBC-5D6885857A41}" srcOrd="3" destOrd="0" presId="urn:microsoft.com/office/officeart/2005/8/layout/venn3"/>
    <dgm:cxn modelId="{9CBB70BD-536C-1D48-896C-3AB65773C9BD}" type="presParOf" srcId="{99ABEB96-70DB-7C42-BC84-5858BD31E469}" destId="{792097DD-4669-224A-ABF2-71B955D2F9F4}" srcOrd="4" destOrd="0" presId="urn:microsoft.com/office/officeart/2005/8/layout/venn3"/>
    <dgm:cxn modelId="{84BDE2E3-C2CB-4449-A659-94F5CBDDA716}" type="presParOf" srcId="{99ABEB96-70DB-7C42-BC84-5858BD31E469}" destId="{3DA118D8-53E4-DC40-B65E-5FA3D4ECB1F1}" srcOrd="5" destOrd="0" presId="urn:microsoft.com/office/officeart/2005/8/layout/venn3"/>
    <dgm:cxn modelId="{68D7479B-4426-9940-9528-2E7998579B93}" type="presParOf" srcId="{99ABEB96-70DB-7C42-BC84-5858BD31E469}" destId="{42EB534D-30DE-8F4E-BA37-16A47BF6123B}" srcOrd="6" destOrd="0" presId="urn:microsoft.com/office/officeart/2005/8/layout/venn3"/>
    <dgm:cxn modelId="{3E7932E8-FD0F-FB4B-9A30-FCF4D2F06857}" type="presParOf" srcId="{99ABEB96-70DB-7C42-BC84-5858BD31E469}" destId="{92AAB941-3EB6-B745-949F-D8AEF96838E5}" srcOrd="7" destOrd="0" presId="urn:microsoft.com/office/officeart/2005/8/layout/venn3"/>
    <dgm:cxn modelId="{CBDE60B5-11FF-4A4D-8BEA-AE732C41D3DC}" type="presParOf" srcId="{99ABEB96-70DB-7C42-BC84-5858BD31E469}" destId="{2D9D81FD-2404-6941-A792-2D41DAF24CCF}" srcOrd="8" destOrd="0" presId="urn:microsoft.com/office/officeart/2005/8/layout/venn3"/>
  </dgm:cxnLst>
  <dgm:bg>
    <a:noFill/>
  </dgm:bg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AF4CFB1-ED8F-7045-992B-3CC6E17BC4F3}">
      <dsp:nvSpPr>
        <dsp:cNvPr id="0" name=""/>
        <dsp:cNvSpPr/>
      </dsp:nvSpPr>
      <dsp:spPr>
        <a:xfrm>
          <a:off x="2" y="1530724"/>
          <a:ext cx="3231478" cy="3231478"/>
        </a:xfrm>
        <a:prstGeom prst="ellipse">
          <a:avLst/>
        </a:prstGeom>
        <a:solidFill>
          <a:schemeClr val="accent5">
            <a:alpha val="5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177839" tIns="31750" rIns="177839" bIns="31750" numCol="1" spcCol="1270" anchor="ctr" anchorCtr="1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500" kern="12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Builders</a:t>
          </a:r>
        </a:p>
        <a:p>
          <a:pPr marL="228600" lvl="1" indent="-228600" algn="ctr" defTabSz="11112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GB" sz="2500" kern="12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17</a:t>
          </a:r>
        </a:p>
      </dsp:txBody>
      <dsp:txXfrm>
        <a:off x="473241" y="2003963"/>
        <a:ext cx="2285000" cy="2285000"/>
      </dsp:txXfrm>
    </dsp:sp>
    <dsp:sp modelId="{BB6D42BF-9C0D-8E49-974D-A161597B4132}">
      <dsp:nvSpPr>
        <dsp:cNvPr id="0" name=""/>
        <dsp:cNvSpPr/>
      </dsp:nvSpPr>
      <dsp:spPr>
        <a:xfrm>
          <a:off x="2586839" y="1530724"/>
          <a:ext cx="3231478" cy="3231478"/>
        </a:xfrm>
        <a:prstGeom prst="ellipse">
          <a:avLst/>
        </a:prstGeom>
        <a:solidFill>
          <a:schemeClr val="accent5">
            <a:alpha val="50000"/>
            <a:hueOff val="-1689636"/>
            <a:satOff val="-4355"/>
            <a:lumOff val="-2941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177839" tIns="31750" rIns="177839" bIns="31750" numCol="1" spcCol="1270" anchor="ctr" anchorCtr="1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500" kern="12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Contributor</a:t>
          </a:r>
        </a:p>
        <a:p>
          <a:pPr marL="228600" lvl="1" indent="-228600" algn="ctr" defTabSz="11112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GB" sz="2500" kern="12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4</a:t>
          </a:r>
        </a:p>
      </dsp:txBody>
      <dsp:txXfrm>
        <a:off x="3060078" y="2003963"/>
        <a:ext cx="2285000" cy="2285000"/>
      </dsp:txXfrm>
    </dsp:sp>
    <dsp:sp modelId="{792097DD-4669-224A-ABF2-71B955D2F9F4}">
      <dsp:nvSpPr>
        <dsp:cNvPr id="0" name=""/>
        <dsp:cNvSpPr/>
      </dsp:nvSpPr>
      <dsp:spPr>
        <a:xfrm>
          <a:off x="5172021" y="1530724"/>
          <a:ext cx="3231478" cy="3231478"/>
        </a:xfrm>
        <a:prstGeom prst="ellipse">
          <a:avLst/>
        </a:prstGeom>
        <a:solidFill>
          <a:schemeClr val="accent5">
            <a:alpha val="50000"/>
            <a:hueOff val="-3379271"/>
            <a:satOff val="-8710"/>
            <a:lumOff val="-5883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177839" tIns="31750" rIns="177839" bIns="31750" numCol="1" spcCol="1270" anchor="ctr" anchorCtr="1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500" kern="12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Participants</a:t>
          </a:r>
        </a:p>
        <a:p>
          <a:pPr marL="228600" lvl="1" indent="-228600" algn="ctr" defTabSz="11112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GB" sz="2500" kern="12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70</a:t>
          </a:r>
        </a:p>
      </dsp:txBody>
      <dsp:txXfrm>
        <a:off x="5645260" y="2003963"/>
        <a:ext cx="2285000" cy="2285000"/>
      </dsp:txXfrm>
    </dsp:sp>
    <dsp:sp modelId="{42EB534D-30DE-8F4E-BA37-16A47BF6123B}">
      <dsp:nvSpPr>
        <dsp:cNvPr id="0" name=""/>
        <dsp:cNvSpPr/>
      </dsp:nvSpPr>
      <dsp:spPr>
        <a:xfrm>
          <a:off x="7757204" y="1530724"/>
          <a:ext cx="3231478" cy="3231478"/>
        </a:xfrm>
        <a:prstGeom prst="ellipse">
          <a:avLst/>
        </a:prstGeom>
        <a:solidFill>
          <a:schemeClr val="accent5">
            <a:alpha val="50000"/>
            <a:hueOff val="-5068907"/>
            <a:satOff val="-13064"/>
            <a:lumOff val="-8824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177839" tIns="31750" rIns="177839" bIns="31750" numCol="1" spcCol="1270" anchor="ctr" anchorCtr="1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500" kern="12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Explorers</a:t>
          </a:r>
        </a:p>
        <a:p>
          <a:pPr marL="228600" lvl="1" indent="-228600" algn="ctr" defTabSz="11112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GB" sz="2500" kern="12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106</a:t>
          </a:r>
        </a:p>
      </dsp:txBody>
      <dsp:txXfrm>
        <a:off x="8230443" y="2003963"/>
        <a:ext cx="2285000" cy="2285000"/>
      </dsp:txXfrm>
    </dsp:sp>
    <dsp:sp modelId="{2D9D81FD-2404-6941-A792-2D41DAF24CCF}">
      <dsp:nvSpPr>
        <dsp:cNvPr id="0" name=""/>
        <dsp:cNvSpPr/>
      </dsp:nvSpPr>
      <dsp:spPr>
        <a:xfrm>
          <a:off x="10342386" y="1530724"/>
          <a:ext cx="3231478" cy="3231478"/>
        </a:xfrm>
        <a:prstGeom prst="ellipse">
          <a:avLst/>
        </a:prstGeom>
        <a:solidFill>
          <a:schemeClr val="accent5">
            <a:alpha val="50000"/>
            <a:hueOff val="-6758543"/>
            <a:satOff val="-17419"/>
            <a:lumOff val="-11765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177839" tIns="31750" rIns="177839" bIns="31750" numCol="1" spcCol="1270" anchor="ctr" anchorCtr="1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500" kern="12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No Level</a:t>
          </a:r>
        </a:p>
        <a:p>
          <a:pPr marL="228600" lvl="1" indent="-228600" algn="ctr" defTabSz="11112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GB" sz="2500" kern="12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78</a:t>
          </a:r>
        </a:p>
      </dsp:txBody>
      <dsp:txXfrm>
        <a:off x="10815625" y="2003963"/>
        <a:ext cx="2285000" cy="22850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enn3">
  <dgm:title val=""/>
  <dgm:desc val=""/>
  <dgm:catLst>
    <dgm:cat type="relationship" pri="29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>
          <dgm:param type="fallback" val="2D"/>
        </dgm:alg>
      </dgm:if>
      <dgm:else name="Name3">
        <dgm:alg type="lin">
          <dgm:param type="fallback" val="2D"/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h" for="ch" ptType="node" refType="w" refFor="ch" refPtType="node"/>
      <dgm:constr type="w" for="ch" forName="space" refType="w" refFor="ch" refPtType="node" fact="-0.2"/>
      <dgm:constr type="primFontSz" for="ch" ptType="node" op="equ" val="65"/>
    </dgm:constrLst>
    <dgm:ruleLst/>
    <dgm:forEach name="Name4" axis="ch" ptType="node">
      <dgm:layoutNode name="Name5" styleLbl="vennNode1">
        <dgm:varLst>
          <dgm:bulletEnabled val="1"/>
        </dgm:varLst>
        <dgm:alg type="tx">
          <dgm:param type="txAnchorVertCh" val="mid"/>
          <dgm:param type="txAnchorHorzCh" val="ctr"/>
        </dgm:alg>
        <dgm:shape xmlns:r="http://schemas.openxmlformats.org/officeDocument/2006/relationships" type="ellipse" r:blip="">
          <dgm:adjLst/>
        </dgm:shape>
        <dgm:presOf axis="desOrSelf" ptType="node"/>
        <dgm:constrLst>
          <dgm:constr type="tMarg" refType="primFontSz" fact="0.1"/>
          <dgm:constr type="bMarg" refType="primFontSz" fact="0.1"/>
          <dgm:constr type="lMarg" refType="w" fact="0.156"/>
          <dgm:constr type="rMarg" refType="w" fact="0.156"/>
        </dgm:constrLst>
        <dgm:ruleLst>
          <dgm:rule type="primFontSz" val="5" fact="NaN" max="NaN"/>
        </dgm:ruleLst>
      </dgm:layoutNode>
      <dgm:forEach name="Name6" axis="followSib" ptType="sibTrans" cnt="1">
        <dgm:layoutNode name="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1E71C18-A2F3-4EA6-88E7-584F781AC2A7}" type="datetimeFigureOut">
              <a:rPr lang="en-US" smtClean="0"/>
              <a:t>10/28/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76250" y="1143000"/>
            <a:ext cx="59055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F42718B-EAD2-4CCF-B347-8C4C04ED11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784462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This pulls orbit level for Q3 2022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F42718B-EAD2-4CCF-B347-8C4C04ED116C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1735969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ulled from Leaderboard in quarterly stats ru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F42718B-EAD2-4CCF-B347-8C4C04ED116C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64215635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ulled from Q1 leaderboard in regular stats ru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F42718B-EAD2-4CCF-B347-8C4C04ED116C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0107693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K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F42718B-EAD2-4CCF-B347-8C4C04ED116C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3385220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svg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A picture containing ray&#10;&#10;Description automatically generated">
            <a:extLst>
              <a:ext uri="{FF2B5EF4-FFF2-40B4-BE49-F238E27FC236}">
                <a16:creationId xmlns:a16="http://schemas.microsoft.com/office/drawing/2014/main" id="{FC9F53CC-0401-8445-9D3E-94EF56EBCC8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3280"/>
            <a:ext cx="15243175" cy="7957927"/>
          </a:xfrm>
          <a:prstGeom prst="rect">
            <a:avLst/>
          </a:prstGeom>
        </p:spPr>
      </p:pic>
      <p:sp>
        <p:nvSpPr>
          <p:cNvPr id="6" name="Oval 5">
            <a:extLst>
              <a:ext uri="{FF2B5EF4-FFF2-40B4-BE49-F238E27FC236}">
                <a16:creationId xmlns:a16="http://schemas.microsoft.com/office/drawing/2014/main" id="{95E1DD20-7E69-B64D-948D-D9035141D966}"/>
              </a:ext>
            </a:extLst>
          </p:cNvPr>
          <p:cNvSpPr/>
          <p:nvPr userDrawn="1"/>
        </p:nvSpPr>
        <p:spPr>
          <a:xfrm>
            <a:off x="8077207" y="483971"/>
            <a:ext cx="6996545" cy="6996545"/>
          </a:xfrm>
          <a:prstGeom prst="ellipse">
            <a:avLst/>
          </a:prstGeom>
          <a:gradFill>
            <a:gsLst>
              <a:gs pos="0">
                <a:srgbClr val="FDE74C"/>
              </a:gs>
              <a:gs pos="100000">
                <a:srgbClr val="FC440F"/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A75B3162-DC5F-574F-9B7E-FCCAEF6D0820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8325648" y="732412"/>
            <a:ext cx="6499662" cy="6499662"/>
          </a:xfrm>
          <a:prstGeom prst="ellipse">
            <a:avLst/>
          </a:prstGeom>
          <a:solidFill>
            <a:schemeClr val="bg1"/>
          </a:solidFill>
        </p:spPr>
        <p:txBody>
          <a:bodyPr/>
          <a:lstStyle/>
          <a:p>
            <a:r>
              <a:rPr lang="en-GB"/>
              <a:t>Click icon to add pictur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3742609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FC9F53CC-0401-8445-9D3E-94EF56EBCC8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0" y="3280"/>
            <a:ext cx="15243174" cy="79579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5001726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A picture containing ray&#10;&#10;Description automatically generated">
            <a:extLst>
              <a:ext uri="{FF2B5EF4-FFF2-40B4-BE49-F238E27FC236}">
                <a16:creationId xmlns:a16="http://schemas.microsoft.com/office/drawing/2014/main" id="{FC9F53CC-0401-8445-9D3E-94EF56EBCC8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3281"/>
            <a:ext cx="15243175" cy="7957928"/>
          </a:xfrm>
          <a:prstGeom prst="rect">
            <a:avLst/>
          </a:prstGeom>
        </p:spPr>
      </p:pic>
      <p:sp>
        <p:nvSpPr>
          <p:cNvPr id="6" name="Oval 5">
            <a:extLst>
              <a:ext uri="{FF2B5EF4-FFF2-40B4-BE49-F238E27FC236}">
                <a16:creationId xmlns:a16="http://schemas.microsoft.com/office/drawing/2014/main" id="{95E1DD20-7E69-B64D-948D-D9035141D966}"/>
              </a:ext>
            </a:extLst>
          </p:cNvPr>
          <p:cNvSpPr/>
          <p:nvPr userDrawn="1"/>
        </p:nvSpPr>
        <p:spPr>
          <a:xfrm>
            <a:off x="8077207" y="483973"/>
            <a:ext cx="6996545" cy="6996545"/>
          </a:xfrm>
          <a:prstGeom prst="ellipse">
            <a:avLst/>
          </a:prstGeom>
          <a:gradFill>
            <a:gsLst>
              <a:gs pos="0">
                <a:srgbClr val="FDE74C"/>
              </a:gs>
              <a:gs pos="100000">
                <a:srgbClr val="FC440F"/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72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A75B3162-DC5F-574F-9B7E-FCCAEF6D0820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8325648" y="732413"/>
            <a:ext cx="6499663" cy="6499662"/>
          </a:xfrm>
          <a:prstGeom prst="ellipse">
            <a:avLst/>
          </a:prstGeom>
          <a:solidFill>
            <a:schemeClr val="bg1"/>
          </a:solidFill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115963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A picture containing ray&#10;&#10;Description automatically generated">
            <a:extLst>
              <a:ext uri="{FF2B5EF4-FFF2-40B4-BE49-F238E27FC236}">
                <a16:creationId xmlns:a16="http://schemas.microsoft.com/office/drawing/2014/main" id="{FC9F53CC-0401-8445-9D3E-94EF56EBCC8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3281"/>
            <a:ext cx="15243175" cy="7957928"/>
          </a:xfrm>
          <a:prstGeom prst="rect">
            <a:avLst/>
          </a:prstGeom>
        </p:spPr>
      </p:pic>
      <p:sp>
        <p:nvSpPr>
          <p:cNvPr id="6" name="Oval 5">
            <a:extLst>
              <a:ext uri="{FF2B5EF4-FFF2-40B4-BE49-F238E27FC236}">
                <a16:creationId xmlns:a16="http://schemas.microsoft.com/office/drawing/2014/main" id="{95E1DD20-7E69-B64D-948D-D9035141D966}"/>
              </a:ext>
            </a:extLst>
          </p:cNvPr>
          <p:cNvSpPr/>
          <p:nvPr userDrawn="1"/>
        </p:nvSpPr>
        <p:spPr>
          <a:xfrm>
            <a:off x="8077207" y="483973"/>
            <a:ext cx="6996545" cy="6996545"/>
          </a:xfrm>
          <a:prstGeom prst="ellipse">
            <a:avLst/>
          </a:prstGeom>
          <a:gradFill>
            <a:gsLst>
              <a:gs pos="0">
                <a:srgbClr val="FDE74C"/>
              </a:gs>
              <a:gs pos="100000">
                <a:srgbClr val="FC440F"/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72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A75B3162-DC5F-574F-9B7E-FCCAEF6D0820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8325648" y="732413"/>
            <a:ext cx="6499663" cy="6499662"/>
          </a:xfrm>
          <a:prstGeom prst="ellipse">
            <a:avLst/>
          </a:prstGeom>
          <a:solidFill>
            <a:schemeClr val="bg1"/>
          </a:solidFill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160335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CB14EC90-E499-7F40-A81C-63D0DD2592C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993" y="0"/>
            <a:ext cx="15241190" cy="7964488"/>
          </a:xfrm>
          <a:prstGeom prst="rect">
            <a:avLst/>
          </a:prstGeom>
        </p:spPr>
      </p:pic>
      <p:sp>
        <p:nvSpPr>
          <p:cNvPr id="11" name="Rounded Rectangle 10">
            <a:extLst>
              <a:ext uri="{FF2B5EF4-FFF2-40B4-BE49-F238E27FC236}">
                <a16:creationId xmlns:a16="http://schemas.microsoft.com/office/drawing/2014/main" id="{1212E7D8-EF21-2543-93D3-E52749CD1EC8}"/>
              </a:ext>
            </a:extLst>
          </p:cNvPr>
          <p:cNvSpPr/>
          <p:nvPr userDrawn="1"/>
        </p:nvSpPr>
        <p:spPr>
          <a:xfrm>
            <a:off x="538305" y="2087943"/>
            <a:ext cx="15707419" cy="4954107"/>
          </a:xfrm>
          <a:prstGeom prst="roundRect">
            <a:avLst>
              <a:gd name="adj" fmla="val 6683"/>
            </a:avLst>
          </a:prstGeom>
          <a:solidFill>
            <a:schemeClr val="accent1">
              <a:alpha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71" b="1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59987" y="2441086"/>
            <a:ext cx="7679387" cy="2624407"/>
          </a:xfrm>
        </p:spPr>
        <p:txBody>
          <a:bodyPr anchor="b"/>
          <a:lstStyle>
            <a:lvl1pPr algn="l">
              <a:defRPr sz="6472" b="1">
                <a:solidFill>
                  <a:schemeClr val="bg1"/>
                </a:solidFill>
              </a:defRPr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059989" y="5405347"/>
            <a:ext cx="8965857" cy="1341540"/>
          </a:xfrm>
        </p:spPr>
        <p:txBody>
          <a:bodyPr/>
          <a:lstStyle>
            <a:lvl1pPr marL="0" indent="0" algn="l">
              <a:buNone/>
              <a:defRPr sz="2589">
                <a:solidFill>
                  <a:schemeClr val="bg1"/>
                </a:solidFill>
              </a:defRPr>
            </a:lvl1pPr>
            <a:lvl2pPr marL="493189" indent="0" algn="ctr">
              <a:buNone/>
              <a:defRPr sz="2158"/>
            </a:lvl2pPr>
            <a:lvl3pPr marL="986379" indent="0" algn="ctr">
              <a:buNone/>
              <a:defRPr sz="1942"/>
            </a:lvl3pPr>
            <a:lvl4pPr marL="1479568" indent="0" algn="ctr">
              <a:buNone/>
              <a:defRPr sz="1726"/>
            </a:lvl4pPr>
            <a:lvl5pPr marL="1972758" indent="0" algn="ctr">
              <a:buNone/>
              <a:defRPr sz="1726"/>
            </a:lvl5pPr>
            <a:lvl6pPr marL="2465947" indent="0" algn="ctr">
              <a:buNone/>
              <a:defRPr sz="1726"/>
            </a:lvl6pPr>
            <a:lvl7pPr marL="2959136" indent="0" algn="ctr">
              <a:buNone/>
              <a:defRPr sz="1726"/>
            </a:lvl7pPr>
            <a:lvl8pPr marL="3452328" indent="0" algn="ctr">
              <a:buNone/>
              <a:defRPr sz="1726"/>
            </a:lvl8pPr>
            <a:lvl9pPr marL="3945517" indent="0" algn="ctr">
              <a:buNone/>
              <a:defRPr sz="1726"/>
            </a:lvl9pPr>
          </a:lstStyle>
          <a:p>
            <a:r>
              <a:rPr lang="en-GB"/>
              <a:t>Click to edit Master subtitle style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0AF9D7A-5BEE-9245-944A-197F51D542D9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15" name="Graphic 14">
            <a:extLst>
              <a:ext uri="{FF2B5EF4-FFF2-40B4-BE49-F238E27FC236}">
                <a16:creationId xmlns:a16="http://schemas.microsoft.com/office/drawing/2014/main" id="{839EC2AA-D970-C448-A073-121286DBD65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047969" y="485358"/>
            <a:ext cx="3843095" cy="1135985"/>
          </a:xfrm>
          <a:prstGeom prst="rect">
            <a:avLst/>
          </a:prstGeom>
        </p:spPr>
      </p:pic>
      <p:sp>
        <p:nvSpPr>
          <p:cNvPr id="16" name="Oval 15">
            <a:extLst>
              <a:ext uri="{FF2B5EF4-FFF2-40B4-BE49-F238E27FC236}">
                <a16:creationId xmlns:a16="http://schemas.microsoft.com/office/drawing/2014/main" id="{A0C5D54B-A58F-EC4D-AA02-F28EF11FB1FD}"/>
              </a:ext>
            </a:extLst>
          </p:cNvPr>
          <p:cNvSpPr/>
          <p:nvPr userDrawn="1"/>
        </p:nvSpPr>
        <p:spPr>
          <a:xfrm>
            <a:off x="8885846" y="922441"/>
            <a:ext cx="2981203" cy="2769543"/>
          </a:xfrm>
          <a:prstGeom prst="ellipse">
            <a:avLst/>
          </a:prstGeom>
          <a:noFill/>
          <a:ln w="146050">
            <a:gradFill>
              <a:gsLst>
                <a:gs pos="100000">
                  <a:schemeClr val="accent2"/>
                </a:gs>
                <a:gs pos="0">
                  <a:schemeClr val="accent4"/>
                </a:gs>
              </a:gsLst>
              <a:lin ang="72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71"/>
          </a:p>
        </p:txBody>
      </p:sp>
      <p:sp>
        <p:nvSpPr>
          <p:cNvPr id="17" name="Oval 16">
            <a:extLst>
              <a:ext uri="{FF2B5EF4-FFF2-40B4-BE49-F238E27FC236}">
                <a16:creationId xmlns:a16="http://schemas.microsoft.com/office/drawing/2014/main" id="{E2DB51D0-EFE0-9143-AB1E-054D0CA220CB}"/>
              </a:ext>
            </a:extLst>
          </p:cNvPr>
          <p:cNvSpPr/>
          <p:nvPr userDrawn="1"/>
        </p:nvSpPr>
        <p:spPr>
          <a:xfrm>
            <a:off x="13577092" y="3166833"/>
            <a:ext cx="2255561" cy="2095419"/>
          </a:xfrm>
          <a:prstGeom prst="ellipse">
            <a:avLst/>
          </a:prstGeom>
          <a:noFill/>
          <a:ln w="152400">
            <a:gradFill>
              <a:gsLst>
                <a:gs pos="100000">
                  <a:schemeClr val="accent2"/>
                </a:gs>
                <a:gs pos="0">
                  <a:schemeClr val="accent4"/>
                </a:gs>
              </a:gsLst>
              <a:lin ang="72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71"/>
          </a:p>
        </p:txBody>
      </p:sp>
      <p:sp>
        <p:nvSpPr>
          <p:cNvPr id="18" name="Oval 17">
            <a:extLst>
              <a:ext uri="{FF2B5EF4-FFF2-40B4-BE49-F238E27FC236}">
                <a16:creationId xmlns:a16="http://schemas.microsoft.com/office/drawing/2014/main" id="{62C0393C-CCFF-344F-BF7E-2B815CA8D24F}"/>
              </a:ext>
            </a:extLst>
          </p:cNvPr>
          <p:cNvSpPr/>
          <p:nvPr userDrawn="1"/>
        </p:nvSpPr>
        <p:spPr>
          <a:xfrm>
            <a:off x="11867051" y="4347225"/>
            <a:ext cx="3056805" cy="2839778"/>
          </a:xfrm>
          <a:prstGeom prst="ellipse">
            <a:avLst/>
          </a:prstGeom>
          <a:noFill/>
          <a:ln w="152400">
            <a:gradFill>
              <a:gsLst>
                <a:gs pos="100000">
                  <a:schemeClr val="accent2"/>
                </a:gs>
                <a:gs pos="0">
                  <a:schemeClr val="accent4"/>
                </a:gs>
              </a:gsLst>
              <a:lin ang="72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71"/>
          </a:p>
        </p:txBody>
      </p:sp>
    </p:spTree>
    <p:extLst>
      <p:ext uri="{BB962C8B-B14F-4D97-AF65-F5344CB8AC3E}">
        <p14:creationId xmlns:p14="http://schemas.microsoft.com/office/powerpoint/2010/main" val="229239367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DB11F32-12AA-1554-D108-5278D6082EF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K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6C1CE84-0151-C60F-9E3A-5CE264C284E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K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24C6883-9FA1-CE3C-D880-AF48EEA220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295661-FC12-6243-B378-EA504D02A8BB}" type="datetimeFigureOut">
              <a:rPr lang="en-KE" smtClean="0"/>
              <a:t>28/10/2022</a:t>
            </a:fld>
            <a:endParaRPr lang="en-K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DFCCD1D-54E4-2FFE-52CF-2E8BCD95FD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K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93AB35D-1FA6-3E89-DF96-1E74839C96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B67133F-2B31-6446-8F86-D810BD373E1C}" type="slidenum">
              <a:rPr lang="en-KE" smtClean="0"/>
              <a:t>‹#›</a:t>
            </a:fld>
            <a:endParaRPr lang="en-KE"/>
          </a:p>
        </p:txBody>
      </p:sp>
    </p:spTree>
    <p:extLst>
      <p:ext uri="{BB962C8B-B14F-4D97-AF65-F5344CB8AC3E}">
        <p14:creationId xmlns:p14="http://schemas.microsoft.com/office/powerpoint/2010/main" val="23078306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3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FC7977A-AF97-DFBC-978F-3E49FA5449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295661-FC12-6243-B378-EA504D02A8BB}" type="datetimeFigureOut">
              <a:rPr lang="en-KE" smtClean="0"/>
              <a:t>28/10/2022</a:t>
            </a:fld>
            <a:endParaRPr lang="en-KE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7F92E44-9A44-94A1-C66C-63688B0981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KE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42CDD07-BC01-0A1E-712D-BD4141590E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B67133F-2B31-6446-8F86-D810BD373E1C}" type="slidenum">
              <a:rPr lang="en-KE" smtClean="0"/>
              <a:t>‹#›</a:t>
            </a:fld>
            <a:endParaRPr lang="en-KE"/>
          </a:p>
        </p:txBody>
      </p:sp>
    </p:spTree>
    <p:extLst>
      <p:ext uri="{BB962C8B-B14F-4D97-AF65-F5344CB8AC3E}">
        <p14:creationId xmlns:p14="http://schemas.microsoft.com/office/powerpoint/2010/main" val="331014799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A picture containing ray&#10;&#10;Description automatically generated">
            <a:extLst>
              <a:ext uri="{FF2B5EF4-FFF2-40B4-BE49-F238E27FC236}">
                <a16:creationId xmlns:a16="http://schemas.microsoft.com/office/drawing/2014/main" id="{FC9F53CC-0401-8445-9D3E-94EF56EBCC8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3281"/>
            <a:ext cx="15243175" cy="7957928"/>
          </a:xfrm>
          <a:prstGeom prst="rect">
            <a:avLst/>
          </a:prstGeom>
        </p:spPr>
      </p:pic>
      <p:sp>
        <p:nvSpPr>
          <p:cNvPr id="6" name="Oval 5">
            <a:extLst>
              <a:ext uri="{FF2B5EF4-FFF2-40B4-BE49-F238E27FC236}">
                <a16:creationId xmlns:a16="http://schemas.microsoft.com/office/drawing/2014/main" id="{95E1DD20-7E69-B64D-948D-D9035141D966}"/>
              </a:ext>
            </a:extLst>
          </p:cNvPr>
          <p:cNvSpPr/>
          <p:nvPr userDrawn="1"/>
        </p:nvSpPr>
        <p:spPr>
          <a:xfrm>
            <a:off x="8077207" y="483973"/>
            <a:ext cx="6996545" cy="6996545"/>
          </a:xfrm>
          <a:prstGeom prst="ellipse">
            <a:avLst/>
          </a:prstGeom>
          <a:gradFill>
            <a:gsLst>
              <a:gs pos="0">
                <a:srgbClr val="FDE74C"/>
              </a:gs>
              <a:gs pos="100000">
                <a:srgbClr val="FC440F"/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72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A75B3162-DC5F-574F-9B7E-FCCAEF6D0820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8325648" y="732413"/>
            <a:ext cx="6499663" cy="6499662"/>
          </a:xfrm>
          <a:prstGeom prst="ellipse">
            <a:avLst/>
          </a:prstGeom>
          <a:solidFill>
            <a:schemeClr val="bg1"/>
          </a:solidFill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1074548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47969" y="424036"/>
            <a:ext cx="13147238" cy="153943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47969" y="2120176"/>
            <a:ext cx="13147238" cy="505339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47968" y="7381901"/>
            <a:ext cx="3429714" cy="42403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394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C04E312-2ED6-2A4B-A587-DAD85B9AC236}" type="datetimeFigureOut">
              <a:rPr lang="en-US" smtClean="0"/>
              <a:t>10/28/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5049302" y="7381901"/>
            <a:ext cx="5144572" cy="42403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394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765493" y="7381901"/>
            <a:ext cx="3429714" cy="42403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394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70C64F8-E690-3C44-8952-D480FE4AD83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231380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7" r:id="rId1"/>
    <p:sldLayoutId id="2147483668" r:id="rId2"/>
    <p:sldLayoutId id="2147483669" r:id="rId3"/>
    <p:sldLayoutId id="2147483670" r:id="rId4"/>
    <p:sldLayoutId id="2147483671" r:id="rId5"/>
    <p:sldLayoutId id="2147483672" r:id="rId6"/>
    <p:sldLayoutId id="2147483673" r:id="rId7"/>
    <p:sldLayoutId id="2147483674" r:id="rId8"/>
  </p:sldLayoutIdLst>
  <p:txStyles>
    <p:titleStyle>
      <a:lvl1pPr algn="l" defTabSz="1061893" rtl="0" eaLnBrk="1" latinLnBrk="0" hangingPunct="1">
        <a:lnSpc>
          <a:spcPct val="90000"/>
        </a:lnSpc>
        <a:spcBef>
          <a:spcPct val="0"/>
        </a:spcBef>
        <a:buNone/>
        <a:defRPr sz="511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65473" indent="-265473" algn="l" defTabSz="1061893" rtl="0" eaLnBrk="1" latinLnBrk="0" hangingPunct="1">
        <a:lnSpc>
          <a:spcPct val="90000"/>
        </a:lnSpc>
        <a:spcBef>
          <a:spcPts val="1161"/>
        </a:spcBef>
        <a:buFont typeface="Arial" panose="020B0604020202020204" pitchFamily="34" charset="0"/>
        <a:buChar char="•"/>
        <a:defRPr sz="3252" kern="1200">
          <a:solidFill>
            <a:schemeClr val="tx1"/>
          </a:solidFill>
          <a:latin typeface="+mn-lt"/>
          <a:ea typeface="+mn-ea"/>
          <a:cs typeface="+mn-cs"/>
        </a:defRPr>
      </a:lvl1pPr>
      <a:lvl2pPr marL="796420" indent="-265473" algn="l" defTabSz="1061893" rtl="0" eaLnBrk="1" latinLnBrk="0" hangingPunct="1">
        <a:lnSpc>
          <a:spcPct val="90000"/>
        </a:lnSpc>
        <a:spcBef>
          <a:spcPts val="581"/>
        </a:spcBef>
        <a:buFont typeface="Arial" panose="020B0604020202020204" pitchFamily="34" charset="0"/>
        <a:buChar char="•"/>
        <a:defRPr sz="2787" kern="1200">
          <a:solidFill>
            <a:schemeClr val="tx1"/>
          </a:solidFill>
          <a:latin typeface="+mn-lt"/>
          <a:ea typeface="+mn-ea"/>
          <a:cs typeface="+mn-cs"/>
        </a:defRPr>
      </a:lvl2pPr>
      <a:lvl3pPr marL="1327366" indent="-265473" algn="l" defTabSz="1061893" rtl="0" eaLnBrk="1" latinLnBrk="0" hangingPunct="1">
        <a:lnSpc>
          <a:spcPct val="90000"/>
        </a:lnSpc>
        <a:spcBef>
          <a:spcPts val="581"/>
        </a:spcBef>
        <a:buFont typeface="Arial" panose="020B0604020202020204" pitchFamily="34" charset="0"/>
        <a:buChar char="•"/>
        <a:defRPr sz="2323" kern="1200">
          <a:solidFill>
            <a:schemeClr val="tx1"/>
          </a:solidFill>
          <a:latin typeface="+mn-lt"/>
          <a:ea typeface="+mn-ea"/>
          <a:cs typeface="+mn-cs"/>
        </a:defRPr>
      </a:lvl3pPr>
      <a:lvl4pPr marL="1858312" indent="-265473" algn="l" defTabSz="1061893" rtl="0" eaLnBrk="1" latinLnBrk="0" hangingPunct="1">
        <a:lnSpc>
          <a:spcPct val="90000"/>
        </a:lnSpc>
        <a:spcBef>
          <a:spcPts val="581"/>
        </a:spcBef>
        <a:buFont typeface="Arial" panose="020B0604020202020204" pitchFamily="34" charset="0"/>
        <a:buChar char="•"/>
        <a:defRPr sz="2090" kern="1200">
          <a:solidFill>
            <a:schemeClr val="tx1"/>
          </a:solidFill>
          <a:latin typeface="+mn-lt"/>
          <a:ea typeface="+mn-ea"/>
          <a:cs typeface="+mn-cs"/>
        </a:defRPr>
      </a:lvl4pPr>
      <a:lvl5pPr marL="2389259" indent="-265473" algn="l" defTabSz="1061893" rtl="0" eaLnBrk="1" latinLnBrk="0" hangingPunct="1">
        <a:lnSpc>
          <a:spcPct val="90000"/>
        </a:lnSpc>
        <a:spcBef>
          <a:spcPts val="581"/>
        </a:spcBef>
        <a:buFont typeface="Arial" panose="020B0604020202020204" pitchFamily="34" charset="0"/>
        <a:buChar char="•"/>
        <a:defRPr sz="2090" kern="1200">
          <a:solidFill>
            <a:schemeClr val="tx1"/>
          </a:solidFill>
          <a:latin typeface="+mn-lt"/>
          <a:ea typeface="+mn-ea"/>
          <a:cs typeface="+mn-cs"/>
        </a:defRPr>
      </a:lvl5pPr>
      <a:lvl6pPr marL="2920205" indent="-265473" algn="l" defTabSz="1061893" rtl="0" eaLnBrk="1" latinLnBrk="0" hangingPunct="1">
        <a:lnSpc>
          <a:spcPct val="90000"/>
        </a:lnSpc>
        <a:spcBef>
          <a:spcPts val="581"/>
        </a:spcBef>
        <a:buFont typeface="Arial" panose="020B0604020202020204" pitchFamily="34" charset="0"/>
        <a:buChar char="•"/>
        <a:defRPr sz="2090" kern="1200">
          <a:solidFill>
            <a:schemeClr val="tx1"/>
          </a:solidFill>
          <a:latin typeface="+mn-lt"/>
          <a:ea typeface="+mn-ea"/>
          <a:cs typeface="+mn-cs"/>
        </a:defRPr>
      </a:lvl6pPr>
      <a:lvl7pPr marL="3451151" indent="-265473" algn="l" defTabSz="1061893" rtl="0" eaLnBrk="1" latinLnBrk="0" hangingPunct="1">
        <a:lnSpc>
          <a:spcPct val="90000"/>
        </a:lnSpc>
        <a:spcBef>
          <a:spcPts val="581"/>
        </a:spcBef>
        <a:buFont typeface="Arial" panose="020B0604020202020204" pitchFamily="34" charset="0"/>
        <a:buChar char="•"/>
        <a:defRPr sz="2090" kern="1200">
          <a:solidFill>
            <a:schemeClr val="tx1"/>
          </a:solidFill>
          <a:latin typeface="+mn-lt"/>
          <a:ea typeface="+mn-ea"/>
          <a:cs typeface="+mn-cs"/>
        </a:defRPr>
      </a:lvl7pPr>
      <a:lvl8pPr marL="3982098" indent="-265473" algn="l" defTabSz="1061893" rtl="0" eaLnBrk="1" latinLnBrk="0" hangingPunct="1">
        <a:lnSpc>
          <a:spcPct val="90000"/>
        </a:lnSpc>
        <a:spcBef>
          <a:spcPts val="581"/>
        </a:spcBef>
        <a:buFont typeface="Arial" panose="020B0604020202020204" pitchFamily="34" charset="0"/>
        <a:buChar char="•"/>
        <a:defRPr sz="2090" kern="1200">
          <a:solidFill>
            <a:schemeClr val="tx1"/>
          </a:solidFill>
          <a:latin typeface="+mn-lt"/>
          <a:ea typeface="+mn-ea"/>
          <a:cs typeface="+mn-cs"/>
        </a:defRPr>
      </a:lvl8pPr>
      <a:lvl9pPr marL="4513044" indent="-265473" algn="l" defTabSz="1061893" rtl="0" eaLnBrk="1" latinLnBrk="0" hangingPunct="1">
        <a:lnSpc>
          <a:spcPct val="90000"/>
        </a:lnSpc>
        <a:spcBef>
          <a:spcPts val="581"/>
        </a:spcBef>
        <a:buFont typeface="Arial" panose="020B0604020202020204" pitchFamily="34" charset="0"/>
        <a:buChar char="•"/>
        <a:defRPr sz="209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061893" rtl="0" eaLnBrk="1" latinLnBrk="0" hangingPunct="1">
        <a:defRPr sz="2090" kern="1200">
          <a:solidFill>
            <a:schemeClr val="tx1"/>
          </a:solidFill>
          <a:latin typeface="+mn-lt"/>
          <a:ea typeface="+mn-ea"/>
          <a:cs typeface="+mn-cs"/>
        </a:defRPr>
      </a:lvl1pPr>
      <a:lvl2pPr marL="530946" algn="l" defTabSz="1061893" rtl="0" eaLnBrk="1" latinLnBrk="0" hangingPunct="1">
        <a:defRPr sz="2090" kern="1200">
          <a:solidFill>
            <a:schemeClr val="tx1"/>
          </a:solidFill>
          <a:latin typeface="+mn-lt"/>
          <a:ea typeface="+mn-ea"/>
          <a:cs typeface="+mn-cs"/>
        </a:defRPr>
      </a:lvl2pPr>
      <a:lvl3pPr marL="1061893" algn="l" defTabSz="1061893" rtl="0" eaLnBrk="1" latinLnBrk="0" hangingPunct="1">
        <a:defRPr sz="2090" kern="1200">
          <a:solidFill>
            <a:schemeClr val="tx1"/>
          </a:solidFill>
          <a:latin typeface="+mn-lt"/>
          <a:ea typeface="+mn-ea"/>
          <a:cs typeface="+mn-cs"/>
        </a:defRPr>
      </a:lvl3pPr>
      <a:lvl4pPr marL="1592839" algn="l" defTabSz="1061893" rtl="0" eaLnBrk="1" latinLnBrk="0" hangingPunct="1">
        <a:defRPr sz="2090" kern="1200">
          <a:solidFill>
            <a:schemeClr val="tx1"/>
          </a:solidFill>
          <a:latin typeface="+mn-lt"/>
          <a:ea typeface="+mn-ea"/>
          <a:cs typeface="+mn-cs"/>
        </a:defRPr>
      </a:lvl4pPr>
      <a:lvl5pPr marL="2123785" algn="l" defTabSz="1061893" rtl="0" eaLnBrk="1" latinLnBrk="0" hangingPunct="1">
        <a:defRPr sz="2090" kern="1200">
          <a:solidFill>
            <a:schemeClr val="tx1"/>
          </a:solidFill>
          <a:latin typeface="+mn-lt"/>
          <a:ea typeface="+mn-ea"/>
          <a:cs typeface="+mn-cs"/>
        </a:defRPr>
      </a:lvl5pPr>
      <a:lvl6pPr marL="2654732" algn="l" defTabSz="1061893" rtl="0" eaLnBrk="1" latinLnBrk="0" hangingPunct="1">
        <a:defRPr sz="2090" kern="1200">
          <a:solidFill>
            <a:schemeClr val="tx1"/>
          </a:solidFill>
          <a:latin typeface="+mn-lt"/>
          <a:ea typeface="+mn-ea"/>
          <a:cs typeface="+mn-cs"/>
        </a:defRPr>
      </a:lvl6pPr>
      <a:lvl7pPr marL="3185678" algn="l" defTabSz="1061893" rtl="0" eaLnBrk="1" latinLnBrk="0" hangingPunct="1">
        <a:defRPr sz="2090" kern="1200">
          <a:solidFill>
            <a:schemeClr val="tx1"/>
          </a:solidFill>
          <a:latin typeface="+mn-lt"/>
          <a:ea typeface="+mn-ea"/>
          <a:cs typeface="+mn-cs"/>
        </a:defRPr>
      </a:lvl7pPr>
      <a:lvl8pPr marL="3716625" algn="l" defTabSz="1061893" rtl="0" eaLnBrk="1" latinLnBrk="0" hangingPunct="1">
        <a:defRPr sz="2090" kern="1200">
          <a:solidFill>
            <a:schemeClr val="tx1"/>
          </a:solidFill>
          <a:latin typeface="+mn-lt"/>
          <a:ea typeface="+mn-ea"/>
          <a:cs typeface="+mn-cs"/>
        </a:defRPr>
      </a:lvl8pPr>
      <a:lvl9pPr marL="4247571" algn="l" defTabSz="1061893" rtl="0" eaLnBrk="1" latinLnBrk="0" hangingPunct="1">
        <a:defRPr sz="209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jpg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8.sv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6.jpg"/><Relationship Id="rId5" Type="http://schemas.openxmlformats.org/officeDocument/2006/relationships/image" Target="../media/image5.svg"/><Relationship Id="rId4" Type="http://schemas.openxmlformats.org/officeDocument/2006/relationships/image" Target="../media/image4.pn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jpg"/><Relationship Id="rId1" Type="http://schemas.openxmlformats.org/officeDocument/2006/relationships/slideLayout" Target="../slideLayouts/slideLayout8.xml"/><Relationship Id="rId4" Type="http://schemas.openxmlformats.org/officeDocument/2006/relationships/image" Target="../media/image8.sv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image" Target="../media/image7.png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image" Target="../media/image8.sv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8.svg"/><Relationship Id="rId4" Type="http://schemas.openxmlformats.org/officeDocument/2006/relationships/image" Target="../media/image7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Relationship Id="rId9" Type="http://schemas.openxmlformats.org/officeDocument/2006/relationships/image" Target="../media/image8.sv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jpg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8.sv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6.jpg"/><Relationship Id="rId4" Type="http://schemas.openxmlformats.org/officeDocument/2006/relationships/image" Target="../media/image8.sv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>
            <a:extLst>
              <a:ext uri="{FF2B5EF4-FFF2-40B4-BE49-F238E27FC236}">
                <a16:creationId xmlns:a16="http://schemas.microsoft.com/office/drawing/2014/main" id="{92EE08A2-4604-7044-AA24-D89D98253CE9}"/>
              </a:ext>
            </a:extLst>
          </p:cNvPr>
          <p:cNvSpPr txBox="1"/>
          <p:nvPr/>
        </p:nvSpPr>
        <p:spPr>
          <a:xfrm>
            <a:off x="1226187" y="1076095"/>
            <a:ext cx="5168146" cy="457356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7430" b="1" spc="-93" dirty="0">
                <a:solidFill>
                  <a:srgbClr val="FDE74C"/>
                </a:solidFill>
                <a:latin typeface="Varela Round" pitchFamily="2" charset="-79"/>
                <a:cs typeface="Varela Round" pitchFamily="2" charset="-79"/>
              </a:rPr>
              <a:t>PI-20</a:t>
            </a:r>
          </a:p>
          <a:p>
            <a:r>
              <a:rPr lang="en-US" sz="7430" b="1" spc="-93" dirty="0">
                <a:solidFill>
                  <a:srgbClr val="FDE74C"/>
                </a:solidFill>
                <a:latin typeface="Varela Round" pitchFamily="2" charset="-79"/>
                <a:cs typeface="Varela Round" pitchFamily="2" charset="-79"/>
              </a:rPr>
              <a:t>Mojaloop</a:t>
            </a:r>
          </a:p>
          <a:p>
            <a:r>
              <a:rPr lang="en-US" sz="7430" b="1" spc="-93" dirty="0">
                <a:solidFill>
                  <a:srgbClr val="FDE74C"/>
                </a:solidFill>
                <a:latin typeface="Varela Round" pitchFamily="2" charset="-79"/>
                <a:cs typeface="Varela Round" pitchFamily="2" charset="-79"/>
              </a:rPr>
              <a:t>Community</a:t>
            </a:r>
          </a:p>
          <a:p>
            <a:r>
              <a:rPr lang="en-US" sz="7430" b="1" spc="-93" dirty="0">
                <a:solidFill>
                  <a:srgbClr val="FDE74C"/>
                </a:solidFill>
                <a:latin typeface="Varela Round" pitchFamily="2" charset="-79"/>
                <a:cs typeface="Varela Round" pitchFamily="2" charset="-79"/>
              </a:rPr>
              <a:t>Awards</a:t>
            </a:r>
            <a:endParaRPr lang="en-US" sz="7430" spc="-93" dirty="0">
              <a:solidFill>
                <a:srgbClr val="FDE74C"/>
              </a:solidFill>
              <a:latin typeface="Varela Round" pitchFamily="2" charset="-79"/>
              <a:cs typeface="Varela Round" pitchFamily="2" charset="-79"/>
            </a:endParaRPr>
          </a:p>
        </p:txBody>
      </p:sp>
      <p:pic>
        <p:nvPicPr>
          <p:cNvPr id="19" name="Picture Placeholder 18" descr="A picture containing person, person, crowd&#10;&#10;Description automatically generated">
            <a:extLst>
              <a:ext uri="{FF2B5EF4-FFF2-40B4-BE49-F238E27FC236}">
                <a16:creationId xmlns:a16="http://schemas.microsoft.com/office/drawing/2014/main" id="{A9FD158F-F2B1-524C-847B-3BCFFD2920F6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/>
          <a:srcRect l="16639" r="16639"/>
          <a:stretch>
            <a:fillRect/>
          </a:stretch>
        </p:blipFill>
        <p:spPr/>
      </p:pic>
      <p:pic>
        <p:nvPicPr>
          <p:cNvPr id="20" name="Graphic 19">
            <a:extLst>
              <a:ext uri="{FF2B5EF4-FFF2-40B4-BE49-F238E27FC236}">
                <a16:creationId xmlns:a16="http://schemas.microsoft.com/office/drawing/2014/main" id="{55298754-E186-4741-9A06-C3BF5B2F63D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221504" y="6107281"/>
            <a:ext cx="3217305" cy="1023687"/>
          </a:xfrm>
          <a:prstGeom prst="rect">
            <a:avLst/>
          </a:prstGeom>
          <a:effectLst>
            <a:outerShdw blurRad="254000" dist="38100" dir="5400000" sx="125000" sy="125000" algn="t" rotWithShape="0">
              <a:srgbClr val="00A4FF"/>
            </a:outerShdw>
          </a:effectLst>
        </p:spPr>
      </p:pic>
    </p:spTree>
    <p:extLst>
      <p:ext uri="{BB962C8B-B14F-4D97-AF65-F5344CB8AC3E}">
        <p14:creationId xmlns:p14="http://schemas.microsoft.com/office/powerpoint/2010/main" val="152486882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FE2BFE3B-00EF-AD42-BE2E-56AB53D55A64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/>
          <a:stretch/>
        </p:blipFill>
        <p:spPr>
          <a:xfrm>
            <a:off x="1044680" y="991835"/>
            <a:ext cx="13130134" cy="6871436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2ACD99E5-38E9-1040-B311-5439C53A5F6D}"/>
              </a:ext>
            </a:extLst>
          </p:cNvPr>
          <p:cNvSpPr txBox="1"/>
          <p:nvPr/>
        </p:nvSpPr>
        <p:spPr>
          <a:xfrm>
            <a:off x="1490810" y="1028798"/>
            <a:ext cx="9123625" cy="5843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defTabSz="394527"/>
            <a:r>
              <a:rPr lang="en-US" sz="3797" b="1" spc="-86" dirty="0">
                <a:solidFill>
                  <a:srgbClr val="00A4FF"/>
                </a:solidFill>
                <a:latin typeface="Varela Round" pitchFamily="2" charset="-79"/>
                <a:cs typeface="Varela Round" pitchFamily="2" charset="-79"/>
              </a:rPr>
              <a:t>New &amp; Promising Community Members</a:t>
            </a:r>
            <a:endParaRPr lang="en-US" sz="3797" spc="-86" dirty="0">
              <a:solidFill>
                <a:srgbClr val="00A4FF"/>
              </a:solidFill>
              <a:latin typeface="Varela Round" pitchFamily="2" charset="-79"/>
              <a:cs typeface="Varela Round" pitchFamily="2" charset="-79"/>
            </a:endParaRPr>
          </a:p>
        </p:txBody>
      </p:sp>
      <p:grpSp>
        <p:nvGrpSpPr>
          <p:cNvPr id="32" name="Group 31">
            <a:extLst>
              <a:ext uri="{FF2B5EF4-FFF2-40B4-BE49-F238E27FC236}">
                <a16:creationId xmlns:a16="http://schemas.microsoft.com/office/drawing/2014/main" id="{BFBE6506-EC0B-D349-8029-8D3E55F0BAFD}"/>
              </a:ext>
            </a:extLst>
          </p:cNvPr>
          <p:cNvGrpSpPr/>
          <p:nvPr/>
        </p:nvGrpSpPr>
        <p:grpSpPr>
          <a:xfrm>
            <a:off x="2879256" y="2120839"/>
            <a:ext cx="3479604" cy="5297809"/>
            <a:chOff x="360293" y="2016204"/>
            <a:chExt cx="3737112" cy="5638616"/>
          </a:xfrm>
        </p:grpSpPr>
        <p:sp>
          <p:nvSpPr>
            <p:cNvPr id="33" name="Rounded Rectangle 32">
              <a:extLst>
                <a:ext uri="{FF2B5EF4-FFF2-40B4-BE49-F238E27FC236}">
                  <a16:creationId xmlns:a16="http://schemas.microsoft.com/office/drawing/2014/main" id="{9000DACE-EFE3-0748-B141-19618AB7B265}"/>
                </a:ext>
              </a:extLst>
            </p:cNvPr>
            <p:cNvSpPr/>
            <p:nvPr/>
          </p:nvSpPr>
          <p:spPr>
            <a:xfrm>
              <a:off x="516994" y="2016204"/>
              <a:ext cx="3580411" cy="5638616"/>
            </a:xfrm>
            <a:prstGeom prst="roundRect">
              <a:avLst>
                <a:gd name="adj" fmla="val 6207"/>
              </a:avLst>
            </a:prstGeom>
            <a:solidFill>
              <a:schemeClr val="bg1"/>
            </a:solidFill>
            <a:ln>
              <a:noFill/>
            </a:ln>
            <a:effectLst>
              <a:outerShdw blurRad="190500" dist="38100" dir="5400000" algn="t" rotWithShape="0">
                <a:schemeClr val="tx1">
                  <a:alpha val="19519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94527"/>
              <a:endParaRPr lang="en-US" sz="1553" dirty="0">
                <a:solidFill>
                  <a:prstClr val="white"/>
                </a:solidFill>
                <a:latin typeface="Arial"/>
              </a:endParaRPr>
            </a:p>
          </p:txBody>
        </p:sp>
        <p:sp>
          <p:nvSpPr>
            <p:cNvPr id="34" name="Round Same Side Corner Rectangle 33">
              <a:extLst>
                <a:ext uri="{FF2B5EF4-FFF2-40B4-BE49-F238E27FC236}">
                  <a16:creationId xmlns:a16="http://schemas.microsoft.com/office/drawing/2014/main" id="{549AA674-0307-AA48-B709-602BA11593C1}"/>
                </a:ext>
              </a:extLst>
            </p:cNvPr>
            <p:cNvSpPr/>
            <p:nvPr/>
          </p:nvSpPr>
          <p:spPr>
            <a:xfrm>
              <a:off x="516993" y="2016205"/>
              <a:ext cx="3580412" cy="698700"/>
            </a:xfrm>
            <a:prstGeom prst="round2SameRect">
              <a:avLst>
                <a:gd name="adj1" fmla="val 26619"/>
                <a:gd name="adj2" fmla="val 0"/>
              </a:avLst>
            </a:prstGeom>
            <a:solidFill>
              <a:srgbClr val="FC440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94527"/>
              <a:r>
                <a:rPr lang="en-US" sz="3106" dirty="0">
                  <a:solidFill>
                    <a:prstClr val="white"/>
                  </a:solidFill>
                  <a:latin typeface="Varela Round"/>
                </a:rPr>
                <a:t>2022 Q3</a:t>
              </a:r>
            </a:p>
          </p:txBody>
        </p:sp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BAABA347-A1F5-624C-A460-4ADE28CB4B23}"/>
                </a:ext>
              </a:extLst>
            </p:cNvPr>
            <p:cNvSpPr txBox="1"/>
            <p:nvPr/>
          </p:nvSpPr>
          <p:spPr>
            <a:xfrm>
              <a:off x="360293" y="2775290"/>
              <a:ext cx="3737112" cy="1944162"/>
            </a:xfrm>
            <a:prstGeom prst="rect">
              <a:avLst/>
            </a:prstGeom>
            <a:noFill/>
          </p:spPr>
          <p:txBody>
            <a:bodyPr wrap="square" rtlCol="0" anchor="t" anchorCtr="0">
              <a:spAutoFit/>
            </a:bodyPr>
            <a:lstStyle/>
            <a:p>
              <a:pPr algn="ctr" defTabSz="849461">
                <a:spcAft>
                  <a:spcPts val="2973"/>
                </a:spcAft>
              </a:pPr>
              <a:r>
                <a:rPr lang="fi-FI" sz="2090" b="1" dirty="0" err="1">
                  <a:solidFill>
                    <a:srgbClr val="FC440F"/>
                  </a:solidFill>
                </a:rPr>
                <a:t>Gift</a:t>
              </a:r>
              <a:r>
                <a:rPr lang="fi-FI" sz="2090" b="1" dirty="0">
                  <a:solidFill>
                    <a:srgbClr val="FC440F"/>
                  </a:solidFill>
                </a:rPr>
                <a:t> </a:t>
              </a:r>
              <a:r>
                <a:rPr lang="fi-FI" sz="2090" b="1" dirty="0" err="1">
                  <a:solidFill>
                    <a:srgbClr val="FC440F"/>
                  </a:solidFill>
                </a:rPr>
                <a:t>Agboro</a:t>
              </a:r>
              <a:endParaRPr lang="fi-FI" sz="2090" b="1" dirty="0">
                <a:solidFill>
                  <a:srgbClr val="FC440F"/>
                </a:solidFill>
              </a:endParaRPr>
            </a:p>
            <a:p>
              <a:pPr algn="ctr" defTabSz="849461">
                <a:spcAft>
                  <a:spcPts val="2973"/>
                </a:spcAft>
              </a:pPr>
              <a:r>
                <a:rPr lang="fi-FI" sz="2090" b="1" dirty="0" err="1">
                  <a:solidFill>
                    <a:srgbClr val="FC440F"/>
                  </a:solidFill>
                </a:rPr>
                <a:t>Rui</a:t>
              </a:r>
              <a:r>
                <a:rPr lang="fi-FI" sz="2090" b="1" dirty="0">
                  <a:solidFill>
                    <a:srgbClr val="FC440F"/>
                  </a:solidFill>
                </a:rPr>
                <a:t> </a:t>
              </a:r>
              <a:r>
                <a:rPr lang="fi-FI" sz="2090" b="1" dirty="0" err="1">
                  <a:solidFill>
                    <a:srgbClr val="FC440F"/>
                  </a:solidFill>
                </a:rPr>
                <a:t>Rocha</a:t>
              </a:r>
              <a:endParaRPr lang="fi-FI" sz="2090" b="1" dirty="0">
                <a:solidFill>
                  <a:srgbClr val="FC440F"/>
                </a:solidFill>
              </a:endParaRPr>
            </a:p>
            <a:p>
              <a:pPr algn="ctr" defTabSz="849461">
                <a:spcAft>
                  <a:spcPts val="2973"/>
                </a:spcAft>
              </a:pPr>
              <a:r>
                <a:rPr lang="fi-FI" sz="2090" b="1" dirty="0" err="1">
                  <a:solidFill>
                    <a:srgbClr val="FC440F"/>
                  </a:solidFill>
                </a:rPr>
                <a:t>Elifraha</a:t>
              </a:r>
              <a:r>
                <a:rPr lang="fi-FI" sz="2090" b="1" dirty="0">
                  <a:solidFill>
                    <a:srgbClr val="FC440F"/>
                  </a:solidFill>
                </a:rPr>
                <a:t> </a:t>
              </a:r>
              <a:r>
                <a:rPr lang="fi-FI" sz="2090" b="1" dirty="0" err="1">
                  <a:solidFill>
                    <a:srgbClr val="FC440F"/>
                  </a:solidFill>
                </a:rPr>
                <a:t>Natai</a:t>
              </a:r>
              <a:endParaRPr lang="fi-FI" sz="2090" b="1" dirty="0">
                <a:solidFill>
                  <a:srgbClr val="FC440F"/>
                </a:solidFill>
              </a:endParaRPr>
            </a:p>
          </p:txBody>
        </p:sp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63D6D344-D296-D044-9B5E-F83C07AB04C8}"/>
                </a:ext>
              </a:extLst>
            </p:cNvPr>
            <p:cNvSpPr txBox="1"/>
            <p:nvPr/>
          </p:nvSpPr>
          <p:spPr>
            <a:xfrm>
              <a:off x="565501" y="4775125"/>
              <a:ext cx="3220492" cy="3526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 defTabSz="394527">
                <a:spcAft>
                  <a:spcPts val="777"/>
                </a:spcAft>
              </a:pPr>
              <a:endParaRPr lang="en-US" sz="1553" dirty="0">
                <a:solidFill>
                  <a:prstClr val="black"/>
                </a:solidFill>
              </a:endParaRPr>
            </a:p>
          </p:txBody>
        </p:sp>
      </p:grpSp>
      <p:pic>
        <p:nvPicPr>
          <p:cNvPr id="8" name="Graphic 7">
            <a:extLst>
              <a:ext uri="{FF2B5EF4-FFF2-40B4-BE49-F238E27FC236}">
                <a16:creationId xmlns:a16="http://schemas.microsoft.com/office/drawing/2014/main" id="{A0969408-8921-2C41-AC07-0A43F90AEB5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1146939" y="960028"/>
            <a:ext cx="2470149" cy="785956"/>
          </a:xfrm>
          <a:prstGeom prst="rect">
            <a:avLst/>
          </a:prstGeom>
        </p:spPr>
      </p:pic>
      <p:pic>
        <p:nvPicPr>
          <p:cNvPr id="25" name="Picture Placeholder 18" descr="A picture containing person, person, crowd&#10;&#10;Description automatically generated">
            <a:extLst>
              <a:ext uri="{FF2B5EF4-FFF2-40B4-BE49-F238E27FC236}">
                <a16:creationId xmlns:a16="http://schemas.microsoft.com/office/drawing/2014/main" id="{5E68F14E-99D6-46E3-B03F-F288CDF89275}"/>
              </a:ext>
            </a:extLst>
          </p:cNvPr>
          <p:cNvPicPr>
            <a:picLocks noChangeAspect="1"/>
          </p:cNvPicPr>
          <p:nvPr/>
        </p:nvPicPr>
        <p:blipFill>
          <a:blip r:embed="rId6"/>
          <a:srcRect l="16639" r="16639"/>
          <a:stretch>
            <a:fillRect/>
          </a:stretch>
        </p:blipFill>
        <p:spPr>
          <a:xfrm>
            <a:off x="7075138" y="1809886"/>
            <a:ext cx="5608763" cy="5608763"/>
          </a:xfrm>
          <a:prstGeom prst="ellipse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F090BB1B-62EE-D203-C123-C5B3F6B98C51}"/>
              </a:ext>
            </a:extLst>
          </p:cNvPr>
          <p:cNvSpPr txBox="1"/>
          <p:nvPr/>
        </p:nvSpPr>
        <p:spPr>
          <a:xfrm>
            <a:off x="3126065" y="4771603"/>
            <a:ext cx="3087818" cy="25946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323" dirty="0">
                <a:latin typeface="Calibri" panose="020F0502020204030204" pitchFamily="34" charset="0"/>
                <a:ea typeface="Calibri" panose="020F0502020204030204" pitchFamily="34" charset="0"/>
              </a:rPr>
              <a:t>Danish Jamal</a:t>
            </a:r>
          </a:p>
          <a:p>
            <a:pPr algn="ctr"/>
            <a:r>
              <a:rPr lang="en-US" sz="2323" dirty="0">
                <a:latin typeface="Calibri" panose="020F0502020204030204" pitchFamily="34" charset="0"/>
                <a:ea typeface="Calibri" panose="020F0502020204030204" pitchFamily="34" charset="0"/>
              </a:rPr>
              <a:t>Jake Kendall</a:t>
            </a:r>
          </a:p>
          <a:p>
            <a:pPr algn="ctr"/>
            <a:r>
              <a:rPr lang="en-US" sz="2323" dirty="0" err="1">
                <a:latin typeface="Calibri" panose="020F0502020204030204" pitchFamily="34" charset="0"/>
                <a:ea typeface="Calibri" panose="020F0502020204030204" pitchFamily="34" charset="0"/>
              </a:rPr>
              <a:t>Avik</a:t>
            </a:r>
            <a:r>
              <a:rPr lang="en-US" sz="2323" dirty="0">
                <a:latin typeface="Calibri" panose="020F0502020204030204" pitchFamily="34" charset="0"/>
                <a:ea typeface="Calibri" panose="020F0502020204030204" pitchFamily="34" charset="0"/>
              </a:rPr>
              <a:t> </a:t>
            </a:r>
            <a:r>
              <a:rPr lang="en-US" sz="2323" dirty="0" err="1">
                <a:latin typeface="Calibri" panose="020F0502020204030204" pitchFamily="34" charset="0"/>
                <a:ea typeface="Calibri" panose="020F0502020204030204" pitchFamily="34" charset="0"/>
              </a:rPr>
              <a:t>Ganguly</a:t>
            </a:r>
            <a:endParaRPr lang="en-US" sz="2323" dirty="0"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algn="ctr"/>
            <a:r>
              <a:rPr lang="en-US" sz="2323" dirty="0">
                <a:latin typeface="Calibri" panose="020F0502020204030204" pitchFamily="34" charset="0"/>
                <a:ea typeface="Calibri" panose="020F0502020204030204" pitchFamily="34" charset="0"/>
              </a:rPr>
              <a:t>José Francisco Antunes</a:t>
            </a:r>
          </a:p>
          <a:p>
            <a:pPr algn="ctr"/>
            <a:r>
              <a:rPr lang="en-US" sz="2323" dirty="0">
                <a:latin typeface="Calibri" panose="020F0502020204030204" pitchFamily="34" charset="0"/>
                <a:ea typeface="Calibri" panose="020F0502020204030204" pitchFamily="34" charset="0"/>
              </a:rPr>
              <a:t>Sherwin – Busy Bee</a:t>
            </a:r>
          </a:p>
          <a:p>
            <a:pPr algn="ctr"/>
            <a:r>
              <a:rPr lang="en-US" sz="2323" dirty="0">
                <a:latin typeface="Calibri" panose="020F0502020204030204" pitchFamily="34" charset="0"/>
                <a:ea typeface="Calibri" panose="020F0502020204030204" pitchFamily="34" charset="0"/>
              </a:rPr>
              <a:t>Zbyszek </a:t>
            </a:r>
            <a:r>
              <a:rPr lang="en-US" sz="2323" dirty="0" err="1">
                <a:latin typeface="Calibri" panose="020F0502020204030204" pitchFamily="34" charset="0"/>
                <a:ea typeface="Calibri" panose="020F0502020204030204" pitchFamily="34" charset="0"/>
              </a:rPr>
              <a:t>Tenerowicz</a:t>
            </a:r>
            <a:endParaRPr lang="en-US" sz="2323" dirty="0"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algn="ctr"/>
            <a:r>
              <a:rPr lang="en-US" sz="2323" dirty="0">
                <a:latin typeface="Calibri" panose="020F0502020204030204" pitchFamily="34" charset="0"/>
                <a:ea typeface="Calibri" panose="020F0502020204030204" pitchFamily="34" charset="0"/>
              </a:rPr>
              <a:t>Joseph Benson-</a:t>
            </a:r>
            <a:r>
              <a:rPr lang="en-US" sz="2323" dirty="0" err="1">
                <a:latin typeface="Calibri" panose="020F0502020204030204" pitchFamily="34" charset="0"/>
                <a:ea typeface="Calibri" panose="020F0502020204030204" pitchFamily="34" charset="0"/>
              </a:rPr>
              <a:t>Aruna</a:t>
            </a:r>
            <a:endParaRPr lang="en-US" sz="2323" dirty="0">
              <a:latin typeface="Calibri" panose="020F0502020204030204" pitchFamily="34" charset="0"/>
              <a:ea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3033158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1BCDC72C-4FB5-4E48-B7F8-BD0AE7F36E4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6644" y="2550693"/>
            <a:ext cx="8412208" cy="2437760"/>
          </a:xfrm>
        </p:spPr>
        <p:txBody>
          <a:bodyPr>
            <a:normAutofit/>
          </a:bodyPr>
          <a:lstStyle/>
          <a:p>
            <a:r>
              <a:rPr lang="en-KE" dirty="0"/>
              <a:t>Special Recognition</a:t>
            </a:r>
          </a:p>
        </p:txBody>
      </p:sp>
      <p:sp>
        <p:nvSpPr>
          <p:cNvPr id="6" name="Subtitle 5">
            <a:extLst>
              <a:ext uri="{FF2B5EF4-FFF2-40B4-BE49-F238E27FC236}">
                <a16:creationId xmlns:a16="http://schemas.microsoft.com/office/drawing/2014/main" id="{23FB242A-D414-A546-9D4A-B26CCE2546F8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KE" dirty="0"/>
              <a:t>Recognizing significant contributions by Mojaloop community member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34E880A-7469-4E6E-BA8F-474B020D00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715962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>
            <a:extLst>
              <a:ext uri="{FF2B5EF4-FFF2-40B4-BE49-F238E27FC236}">
                <a16:creationId xmlns:a16="http://schemas.microsoft.com/office/drawing/2014/main" id="{92EE08A2-4604-7044-AA24-D89D98253CE9}"/>
              </a:ext>
            </a:extLst>
          </p:cNvPr>
          <p:cNvSpPr txBox="1"/>
          <p:nvPr/>
        </p:nvSpPr>
        <p:spPr>
          <a:xfrm>
            <a:off x="1226188" y="1076095"/>
            <a:ext cx="7200113" cy="94346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6131" b="1" spc="-93" dirty="0">
                <a:solidFill>
                  <a:srgbClr val="FDE74C"/>
                </a:solidFill>
                <a:latin typeface="Varela Round" pitchFamily="2" charset="-79"/>
                <a:cs typeface="Varela Round" pitchFamily="2" charset="-79"/>
              </a:rPr>
              <a:t>Special Recognition</a:t>
            </a:r>
            <a:endParaRPr lang="en-US" sz="6131" spc="-93" dirty="0">
              <a:solidFill>
                <a:srgbClr val="FDE74C"/>
              </a:solidFill>
              <a:latin typeface="Varela Round" pitchFamily="2" charset="-79"/>
              <a:cs typeface="Varela Round" pitchFamily="2" charset="-79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E129194-5020-814D-9945-B7DFF425916F}"/>
              </a:ext>
            </a:extLst>
          </p:cNvPr>
          <p:cNvSpPr txBox="1"/>
          <p:nvPr/>
        </p:nvSpPr>
        <p:spPr>
          <a:xfrm>
            <a:off x="1221505" y="2635750"/>
            <a:ext cx="6805739" cy="120257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690057" indent="-690057">
              <a:lnSpc>
                <a:spcPct val="120000"/>
              </a:lnSpc>
              <a:buFont typeface="+mj-lt"/>
              <a:buAutoNum type="arabicPeriod"/>
            </a:pPr>
            <a:r>
              <a:rPr lang="en-US" sz="3343" b="1" dirty="0">
                <a:solidFill>
                  <a:schemeClr val="bg1"/>
                </a:solidFill>
                <a:latin typeface="Varela Round" pitchFamily="2" charset="-79"/>
                <a:cs typeface="Varela Round" pitchFamily="2" charset="-79"/>
              </a:rPr>
              <a:t>Desire </a:t>
            </a:r>
            <a:r>
              <a:rPr lang="en-US" sz="3343" b="1" dirty="0" err="1">
                <a:solidFill>
                  <a:schemeClr val="bg1"/>
                </a:solidFill>
                <a:latin typeface="Varela Round" pitchFamily="2" charset="-79"/>
                <a:cs typeface="Varela Round" pitchFamily="2" charset="-79"/>
              </a:rPr>
              <a:t>Kachenje</a:t>
            </a:r>
            <a:r>
              <a:rPr lang="en-US" sz="3343" b="1" dirty="0">
                <a:solidFill>
                  <a:schemeClr val="bg1"/>
                </a:solidFill>
                <a:latin typeface="Varela Round" pitchFamily="2" charset="-79"/>
                <a:cs typeface="Varela Round" pitchFamily="2" charset="-79"/>
              </a:rPr>
              <a:t> – Walk the Loop</a:t>
            </a:r>
          </a:p>
        </p:txBody>
      </p:sp>
      <p:pic>
        <p:nvPicPr>
          <p:cNvPr id="19" name="Picture Placeholder 18" descr="A picture containing person, person, crowd&#10;&#10;Description automatically generated">
            <a:extLst>
              <a:ext uri="{FF2B5EF4-FFF2-40B4-BE49-F238E27FC236}">
                <a16:creationId xmlns:a16="http://schemas.microsoft.com/office/drawing/2014/main" id="{A9FD158F-F2B1-524C-847B-3BCFFD2920F6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/>
          <a:srcRect l="16639" r="16639"/>
          <a:stretch>
            <a:fillRect/>
          </a:stretch>
        </p:blipFill>
        <p:spPr/>
      </p:pic>
      <p:pic>
        <p:nvPicPr>
          <p:cNvPr id="20" name="Graphic 19">
            <a:extLst>
              <a:ext uri="{FF2B5EF4-FFF2-40B4-BE49-F238E27FC236}">
                <a16:creationId xmlns:a16="http://schemas.microsoft.com/office/drawing/2014/main" id="{55298754-E186-4741-9A06-C3BF5B2F63D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221504" y="6107281"/>
            <a:ext cx="3217305" cy="1023687"/>
          </a:xfrm>
          <a:prstGeom prst="rect">
            <a:avLst/>
          </a:prstGeom>
          <a:effectLst>
            <a:outerShdw blurRad="254000" dist="38100" dir="5400000" sx="125000" sy="125000" algn="t" rotWithShape="0">
              <a:srgbClr val="00A4FF"/>
            </a:outerShdw>
          </a:effectLst>
        </p:spPr>
      </p:pic>
    </p:spTree>
    <p:extLst>
      <p:ext uri="{BB962C8B-B14F-4D97-AF65-F5344CB8AC3E}">
        <p14:creationId xmlns:p14="http://schemas.microsoft.com/office/powerpoint/2010/main" val="39638045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1BCDC72C-4FB5-4E48-B7F8-BD0AE7F36E4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9989" y="2559141"/>
            <a:ext cx="8412208" cy="2437760"/>
          </a:xfrm>
        </p:spPr>
        <p:txBody>
          <a:bodyPr>
            <a:normAutofit/>
          </a:bodyPr>
          <a:lstStyle/>
          <a:p>
            <a:r>
              <a:rPr lang="en-KE" dirty="0"/>
              <a:t>Notices &amp; Reminders</a:t>
            </a:r>
          </a:p>
        </p:txBody>
      </p:sp>
      <p:sp>
        <p:nvSpPr>
          <p:cNvPr id="6" name="Subtitle 5">
            <a:extLst>
              <a:ext uri="{FF2B5EF4-FFF2-40B4-BE49-F238E27FC236}">
                <a16:creationId xmlns:a16="http://schemas.microsoft.com/office/drawing/2014/main" id="{23FB242A-D414-A546-9D4A-B26CCE2546F8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K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34E880A-7469-4E6E-BA8F-474B020D00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433553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13A8CC-F7F4-0242-8A3C-B7BB87A902FF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1047748" y="423863"/>
            <a:ext cx="13147675" cy="1539875"/>
          </a:xfrm>
        </p:spPr>
        <p:txBody>
          <a:bodyPr/>
          <a:lstStyle/>
          <a:p>
            <a:pPr algn="ctr"/>
            <a:r>
              <a:rPr lang="en-KE" dirty="0">
                <a:solidFill>
                  <a:schemeClr val="bg1"/>
                </a:solidFill>
              </a:rPr>
              <a:t>Updating PI Schedu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150CB20-FCE8-2B41-8FFC-53DB9731CE59}"/>
              </a:ext>
            </a:extLst>
          </p:cNvPr>
          <p:cNvSpPr>
            <a:spLocks noGrp="1"/>
          </p:cNvSpPr>
          <p:nvPr>
            <p:ph idx="4294967295"/>
          </p:nvPr>
        </p:nvSpPr>
        <p:spPr>
          <a:xfrm>
            <a:off x="1047749" y="1963738"/>
            <a:ext cx="13147675" cy="5053013"/>
          </a:xfrm>
        </p:spPr>
        <p:txBody>
          <a:bodyPr>
            <a:normAutofit fontScale="77500" lnSpcReduction="20000"/>
          </a:bodyPr>
          <a:lstStyle/>
          <a:p>
            <a:pPr>
              <a:lnSpc>
                <a:spcPct val="200000"/>
              </a:lnSpc>
            </a:pPr>
            <a:r>
              <a:rPr lang="en-KE" dirty="0">
                <a:solidFill>
                  <a:schemeClr val="bg1"/>
                </a:solidFill>
              </a:rPr>
              <a:t>3 Program Increments (PI) per year instead of 4</a:t>
            </a:r>
          </a:p>
          <a:p>
            <a:pPr lvl="1">
              <a:lnSpc>
                <a:spcPct val="200000"/>
              </a:lnSpc>
            </a:pPr>
            <a:r>
              <a:rPr lang="en-KE" dirty="0">
                <a:solidFill>
                  <a:schemeClr val="bg1"/>
                </a:solidFill>
              </a:rPr>
              <a:t>Longer period to get more done</a:t>
            </a:r>
          </a:p>
          <a:p>
            <a:pPr lvl="1">
              <a:lnSpc>
                <a:spcPct val="200000"/>
              </a:lnSpc>
            </a:pPr>
            <a:r>
              <a:rPr lang="en-KE" dirty="0">
                <a:solidFill>
                  <a:schemeClr val="bg1"/>
                </a:solidFill>
              </a:rPr>
              <a:t>More Formal mid-PI checkins</a:t>
            </a:r>
          </a:p>
          <a:p>
            <a:pPr>
              <a:lnSpc>
                <a:spcPct val="200000"/>
              </a:lnSpc>
            </a:pPr>
            <a:r>
              <a:rPr lang="en-KE" dirty="0">
                <a:solidFill>
                  <a:schemeClr val="bg1"/>
                </a:solidFill>
              </a:rPr>
              <a:t>3 Convenings a year</a:t>
            </a:r>
          </a:p>
          <a:p>
            <a:pPr lvl="1">
              <a:lnSpc>
                <a:spcPct val="200000"/>
              </a:lnSpc>
            </a:pPr>
            <a:r>
              <a:rPr lang="en-KE" dirty="0">
                <a:solidFill>
                  <a:schemeClr val="bg1"/>
                </a:solidFill>
              </a:rPr>
              <a:t>Beginning of March 2023: In-person</a:t>
            </a:r>
          </a:p>
          <a:p>
            <a:pPr lvl="1">
              <a:lnSpc>
                <a:spcPct val="200000"/>
              </a:lnSpc>
            </a:pPr>
            <a:r>
              <a:rPr lang="en-KE" dirty="0">
                <a:solidFill>
                  <a:schemeClr val="bg1"/>
                </a:solidFill>
              </a:rPr>
              <a:t>End of June 2023: Virtual</a:t>
            </a:r>
          </a:p>
          <a:p>
            <a:pPr lvl="1">
              <a:lnSpc>
                <a:spcPct val="200000"/>
              </a:lnSpc>
            </a:pPr>
            <a:r>
              <a:rPr lang="en-KE" dirty="0">
                <a:solidFill>
                  <a:schemeClr val="bg1"/>
                </a:solidFill>
              </a:rPr>
              <a:t>End of October 2023: In-perso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51F589C-85F1-6A46-8577-76B4D9E9C27F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11812588" y="7381875"/>
            <a:ext cx="3430587" cy="423863"/>
          </a:xfrm>
        </p:spPr>
        <p:txBody>
          <a:bodyPr/>
          <a:lstStyle/>
          <a:p>
            <a:fld id="{20AF9D7A-5BEE-9245-944A-197F51D542D9}" type="slidenum">
              <a:rPr lang="en-US" smtClean="0"/>
              <a:t>14</a:t>
            </a:fld>
            <a:endParaRPr lang="en-US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47DF8AC8-3213-B2BE-0682-86F27D53168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978118" y="6358188"/>
            <a:ext cx="3217305" cy="1023687"/>
          </a:xfrm>
          <a:prstGeom prst="rect">
            <a:avLst/>
          </a:prstGeom>
          <a:effectLst>
            <a:outerShdw blurRad="254000" dist="38100" dir="5400000" sx="125000" sy="125000" algn="t" rotWithShape="0">
              <a:srgbClr val="00A4FF"/>
            </a:outerShdw>
          </a:effectLst>
        </p:spPr>
      </p:pic>
    </p:spTree>
    <p:extLst>
      <p:ext uri="{BB962C8B-B14F-4D97-AF65-F5344CB8AC3E}">
        <p14:creationId xmlns:p14="http://schemas.microsoft.com/office/powerpoint/2010/main" val="47454413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DB5F6699-26A5-4BAD-8B4B-69B4334155DC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60612" y="15278"/>
            <a:ext cx="596317" cy="321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090" b="1">
                <a:solidFill>
                  <a:schemeClr val="accent2"/>
                </a:solidFill>
              </a:rPr>
              <a:t>2022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3879C5B8-83C8-4CEA-AF2A-B07105B0F73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516275" y="4883974"/>
            <a:ext cx="12210624" cy="294943"/>
          </a:xfrm>
          <a:prstGeom prst="roundRect">
            <a:avLst/>
          </a:prstGeom>
          <a:gradFill flip="none" rotWithShape="1">
            <a:gsLst>
              <a:gs pos="0">
                <a:srgbClr val="6F3198"/>
              </a:gs>
              <a:gs pos="100000">
                <a:srgbClr val="5D2A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>
              <a:solidFill>
                <a:schemeClr val="bg1"/>
              </a:solidFill>
            </a:endParaRPr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51DB5B7-A236-4770-A5C5-3D118543F15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523550" y="4237459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F455DDB1-E756-49A7-908C-8ABBC0C9F32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481415" y="4532403"/>
            <a:ext cx="88483" cy="98315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AA271D63-CE52-43BF-B8A4-59A3BD813FBE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217711" y="7394620"/>
            <a:ext cx="412612" cy="2145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94" spc="-14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B362429-561E-49CF-B243-CCA3864C1D0F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590010" y="4923422"/>
            <a:ext cx="433705" cy="2160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394" spc="-19">
                <a:solidFill>
                  <a:schemeClr val="bg1"/>
                </a:solidFill>
                <a:latin typeface="Calibri" panose="020F0502020204030204" pitchFamily="34" charset="0"/>
              </a:rPr>
              <a:t>10/23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59CB868-4C28-411A-9BB2-F6F458DFB502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3622690" y="4923422"/>
            <a:ext cx="433705" cy="2160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394" spc="-19">
                <a:solidFill>
                  <a:schemeClr val="bg1"/>
                </a:solidFill>
                <a:latin typeface="Calibri" panose="020F0502020204030204" pitchFamily="34" charset="0"/>
              </a:rPr>
              <a:t>10/30</a:t>
            </a:r>
          </a:p>
        </p:txBody>
      </p:sp>
      <p:sp>
        <p:nvSpPr>
          <p:cNvPr id="10" name="OTLSHAPE_TB_00000000000000000000000000000000_ScaleMarking1">
            <a:extLst>
              <a:ext uri="{FF2B5EF4-FFF2-40B4-BE49-F238E27FC236}">
                <a16:creationId xmlns:a16="http://schemas.microsoft.com/office/drawing/2014/main" id="{BC5D7DB0-5A4B-4C27-94E8-2DED1574C840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590010" y="4667929"/>
            <a:ext cx="364833" cy="2160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394" spc="-23">
                <a:solidFill>
                  <a:schemeClr val="bg1"/>
                </a:solidFill>
                <a:latin typeface="Calibri" panose="020F0502020204030204" pitchFamily="34" charset="0"/>
              </a:rPr>
              <a:t>2022</a:t>
            </a:r>
            <a:endParaRPr lang="en-US" sz="1394" spc="-23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03" name="OTLSHAPE_TB_00000000000000000000000000000000_TimescaleInterval3">
            <a:extLst>
              <a:ext uri="{FF2B5EF4-FFF2-40B4-BE49-F238E27FC236}">
                <a16:creationId xmlns:a16="http://schemas.microsoft.com/office/drawing/2014/main" id="{2912291A-54F7-4646-9156-D9F46D4D56AA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5655369" y="4923422"/>
            <a:ext cx="433705" cy="2160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394" spc="-19">
                <a:solidFill>
                  <a:schemeClr val="bg1"/>
                </a:solidFill>
                <a:latin typeface="Calibri" panose="020F0502020204030204" pitchFamily="34" charset="0"/>
              </a:rPr>
              <a:t>11/06</a:t>
            </a:r>
          </a:p>
        </p:txBody>
      </p:sp>
      <p:sp>
        <p:nvSpPr>
          <p:cNvPr id="204" name="OTLSHAPE_TB_00000000000000000000000000000000_TimescaleInterval4">
            <a:extLst>
              <a:ext uri="{FF2B5EF4-FFF2-40B4-BE49-F238E27FC236}">
                <a16:creationId xmlns:a16="http://schemas.microsoft.com/office/drawing/2014/main" id="{B1C4330D-1137-4359-AB12-54E61AAA0977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7688050" y="4923422"/>
            <a:ext cx="433705" cy="2160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394" spc="-19">
                <a:solidFill>
                  <a:schemeClr val="bg1"/>
                </a:solidFill>
                <a:latin typeface="Calibri" panose="020F0502020204030204" pitchFamily="34" charset="0"/>
              </a:rPr>
              <a:t>11/13</a:t>
            </a:r>
          </a:p>
        </p:txBody>
      </p:sp>
      <p:sp>
        <p:nvSpPr>
          <p:cNvPr id="205" name="OTLSHAPE_TB_00000000000000000000000000000000_TimescaleInterval5">
            <a:extLst>
              <a:ext uri="{FF2B5EF4-FFF2-40B4-BE49-F238E27FC236}">
                <a16:creationId xmlns:a16="http://schemas.microsoft.com/office/drawing/2014/main" id="{987D5C3E-2F0D-4A3A-9280-30B5BFCAC8EA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9720728" y="4923422"/>
            <a:ext cx="433705" cy="2160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394" spc="-19">
                <a:solidFill>
                  <a:schemeClr val="bg1"/>
                </a:solidFill>
                <a:latin typeface="Calibri" panose="020F0502020204030204" pitchFamily="34" charset="0"/>
              </a:rPr>
              <a:t>11/20</a:t>
            </a:r>
          </a:p>
        </p:txBody>
      </p:sp>
      <p:sp>
        <p:nvSpPr>
          <p:cNvPr id="11" name="OTLSHAPE_TB_00000000000000000000000000000000_TimescaleInterval6">
            <a:extLst>
              <a:ext uri="{FF2B5EF4-FFF2-40B4-BE49-F238E27FC236}">
                <a16:creationId xmlns:a16="http://schemas.microsoft.com/office/drawing/2014/main" id="{F733933B-4C2B-6D4E-0809-634B62F2A604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753408" y="4923422"/>
            <a:ext cx="433705" cy="2160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394" spc="-19">
                <a:solidFill>
                  <a:schemeClr val="bg1"/>
                </a:solidFill>
                <a:latin typeface="Calibri" panose="020F0502020204030204" pitchFamily="34" charset="0"/>
              </a:rPr>
              <a:t>11/27</a:t>
            </a:r>
          </a:p>
        </p:txBody>
      </p:sp>
      <p:sp>
        <p:nvSpPr>
          <p:cNvPr id="221" name="OTLSHAPE_T_e1664b10a79849eaa7bb591159e4ff69_Shape">
            <a:extLst>
              <a:ext uri="{FF2B5EF4-FFF2-40B4-BE49-F238E27FC236}">
                <a16:creationId xmlns:a16="http://schemas.microsoft.com/office/drawing/2014/main" id="{43B7F5F5-F77C-4D65-9768-1D5E5937E9A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387423" y="2868042"/>
            <a:ext cx="2905184" cy="147471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>
              <a:solidFill>
                <a:schemeClr val="bg1"/>
              </a:solidFill>
            </a:endParaRPr>
          </a:p>
        </p:txBody>
      </p:sp>
      <p:sp>
        <p:nvSpPr>
          <p:cNvPr id="223" name="OTLSHAPE_T_85ffb43cdd974451936cad87c9bb5db3_Shape">
            <a:extLst>
              <a:ext uri="{FF2B5EF4-FFF2-40B4-BE49-F238E27FC236}">
                <a16:creationId xmlns:a16="http://schemas.microsoft.com/office/drawing/2014/main" id="{1D0CD880-495C-4772-8670-98F4152CB8DE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5872018" y="3110288"/>
            <a:ext cx="1165023" cy="147471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>
              <a:solidFill>
                <a:schemeClr val="bg1"/>
              </a:solidFill>
            </a:endParaRPr>
          </a:p>
        </p:txBody>
      </p:sp>
      <p:sp>
        <p:nvSpPr>
          <p:cNvPr id="225" name="OTLSHAPE_T_ee4428baded44f1b9fbe66b5519219b5_Shape">
            <a:extLst>
              <a:ext uri="{FF2B5EF4-FFF2-40B4-BE49-F238E27FC236}">
                <a16:creationId xmlns:a16="http://schemas.microsoft.com/office/drawing/2014/main" id="{EEEBB74C-187B-4CF0-9BE3-76E387002D9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7033547" y="3352534"/>
            <a:ext cx="1459966" cy="147471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>
              <a:solidFill>
                <a:schemeClr val="bg1"/>
              </a:solidFill>
            </a:endParaRPr>
          </a:p>
        </p:txBody>
      </p:sp>
      <p:sp>
        <p:nvSpPr>
          <p:cNvPr id="227" name="OTLSHAPE_T_a1a676fbd78545babb16ecc35d69518b_Shape">
            <a:extLst>
              <a:ext uri="{FF2B5EF4-FFF2-40B4-BE49-F238E27FC236}">
                <a16:creationId xmlns:a16="http://schemas.microsoft.com/office/drawing/2014/main" id="{7E684BFA-413F-48C2-A178-28EB8CE77D7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485461" y="3594780"/>
            <a:ext cx="884828" cy="147471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>
              <a:solidFill>
                <a:schemeClr val="bg1"/>
              </a:solidFill>
            </a:endParaRPr>
          </a:p>
        </p:txBody>
      </p:sp>
      <p:sp>
        <p:nvSpPr>
          <p:cNvPr id="229" name="OTLSHAPE_T_cfe82d0cbb74492e9807beb8c9c7b909_Shape">
            <a:extLst>
              <a:ext uri="{FF2B5EF4-FFF2-40B4-BE49-F238E27FC236}">
                <a16:creationId xmlns:a16="http://schemas.microsoft.com/office/drawing/2014/main" id="{99C0BF42-792A-4708-B75B-ED91FF5C4B3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9937375" y="3837027"/>
            <a:ext cx="294943" cy="147471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>
              <a:solidFill>
                <a:schemeClr val="bg1"/>
              </a:solidFill>
            </a:endParaRPr>
          </a:p>
        </p:txBody>
      </p:sp>
      <p:sp>
        <p:nvSpPr>
          <p:cNvPr id="231" name="OTLSHAPE_T_9a73e463353c4d2abb641342adde4731_Shape">
            <a:extLst>
              <a:ext uri="{FF2B5EF4-FFF2-40B4-BE49-F238E27FC236}">
                <a16:creationId xmlns:a16="http://schemas.microsoft.com/office/drawing/2014/main" id="{DE8CFA1B-AF24-40C4-9325-20ABD6C45B1D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937375" y="4277278"/>
            <a:ext cx="3495070" cy="147471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>
              <a:solidFill>
                <a:schemeClr val="bg1"/>
              </a:solidFill>
            </a:endParaRPr>
          </a:p>
        </p:txBody>
      </p:sp>
      <p:sp>
        <p:nvSpPr>
          <p:cNvPr id="222" name="OTLSHAPE_T_e1664b10a79849eaa7bb591159e4ff69_ShapePercentage" hidden="1">
            <a:extLst>
              <a:ext uri="{FF2B5EF4-FFF2-40B4-BE49-F238E27FC236}">
                <a16:creationId xmlns:a16="http://schemas.microsoft.com/office/drawing/2014/main" id="{6FBCBEE0-FA05-400F-817F-BBF35D867705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394699" y="222152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/>
          </a:p>
        </p:txBody>
      </p:sp>
      <p:sp>
        <p:nvSpPr>
          <p:cNvPr id="224" name="OTLSHAPE_T_85ffb43cdd974451936cad87c9bb5db3_ShapePercentage" hidden="1">
            <a:extLst>
              <a:ext uri="{FF2B5EF4-FFF2-40B4-BE49-F238E27FC236}">
                <a16:creationId xmlns:a16="http://schemas.microsoft.com/office/drawing/2014/main" id="{CFFFAAC7-671F-47BA-A0E7-E10D1D573D8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879292" y="2463773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/>
          </a:p>
        </p:txBody>
      </p:sp>
      <p:sp>
        <p:nvSpPr>
          <p:cNvPr id="226" name="OTLSHAPE_T_ee4428baded44f1b9fbe66b5519219b5_ShapePercentage" hidden="1">
            <a:extLst>
              <a:ext uri="{FF2B5EF4-FFF2-40B4-BE49-F238E27FC236}">
                <a16:creationId xmlns:a16="http://schemas.microsoft.com/office/drawing/2014/main" id="{46C8684E-B416-46A3-89F3-024E43FF28C6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040823" y="270601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/>
          </a:p>
        </p:txBody>
      </p:sp>
      <p:sp>
        <p:nvSpPr>
          <p:cNvPr id="228" name="OTLSHAPE_T_a1a676fbd78545babb16ecc35d69518b_ShapePercentage" hidden="1">
            <a:extLst>
              <a:ext uri="{FF2B5EF4-FFF2-40B4-BE49-F238E27FC236}">
                <a16:creationId xmlns:a16="http://schemas.microsoft.com/office/drawing/2014/main" id="{9AC9DCC0-DBB1-4998-88C4-DF13B5219C34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492737" y="294826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/>
          </a:p>
        </p:txBody>
      </p:sp>
      <p:sp>
        <p:nvSpPr>
          <p:cNvPr id="230" name="OTLSHAPE_T_cfe82d0cbb74492e9807beb8c9c7b909_ShapePercentage" hidden="1">
            <a:extLst>
              <a:ext uri="{FF2B5EF4-FFF2-40B4-BE49-F238E27FC236}">
                <a16:creationId xmlns:a16="http://schemas.microsoft.com/office/drawing/2014/main" id="{BA41BA35-E0F7-4507-ACA1-1672DF6A983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944651" y="3190513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/>
          </a:p>
        </p:txBody>
      </p:sp>
      <p:sp>
        <p:nvSpPr>
          <p:cNvPr id="232" name="OTLSHAPE_T_9a73e463353c4d2abb641342adde4731_ShapePercentage" hidden="1">
            <a:extLst>
              <a:ext uri="{FF2B5EF4-FFF2-40B4-BE49-F238E27FC236}">
                <a16:creationId xmlns:a16="http://schemas.microsoft.com/office/drawing/2014/main" id="{EDBB330C-7222-47E1-B1AE-23E675BC109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944651" y="3630763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/>
          </a:p>
        </p:txBody>
      </p:sp>
      <p:sp>
        <p:nvSpPr>
          <p:cNvPr id="77" name="OTLSHAPE_T_e1664b10a79849eaa7bb591159e4ff69_Duration" hidden="1">
            <a:extLst>
              <a:ext uri="{FF2B5EF4-FFF2-40B4-BE49-F238E27FC236}">
                <a16:creationId xmlns:a16="http://schemas.microsoft.com/office/drawing/2014/main" id="{2DBA36A7-445B-4725-97C4-46003972019F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57712" y="-353944"/>
            <a:ext cx="383425" cy="357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61">
                <a:solidFill>
                  <a:schemeClr val="accent2"/>
                </a:solidFill>
              </a:rPr>
              <a:t>8 days</a:t>
            </a:r>
          </a:p>
        </p:txBody>
      </p:sp>
      <p:sp>
        <p:nvSpPr>
          <p:cNvPr id="78" name="OTLSHAPE_T_e1664b10a79849eaa7bb591159e4ff69_TextPercentage" hidden="1">
            <a:extLst>
              <a:ext uri="{FF2B5EF4-FFF2-40B4-BE49-F238E27FC236}">
                <a16:creationId xmlns:a16="http://schemas.microsoft.com/office/drawing/2014/main" id="{669DB9DF-A7A3-48B9-B90F-E9A33B3E01AF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61">
              <a:solidFill>
                <a:schemeClr val="accent2"/>
              </a:solidFill>
            </a:endParaRPr>
          </a:p>
        </p:txBody>
      </p:sp>
      <p:sp>
        <p:nvSpPr>
          <p:cNvPr id="79" name="OTLSHAPE_T_e1664b10a79849eaa7bb591159e4ff69_StartDate" hidden="1">
            <a:extLst>
              <a:ext uri="{FF2B5EF4-FFF2-40B4-BE49-F238E27FC236}">
                <a16:creationId xmlns:a16="http://schemas.microsoft.com/office/drawing/2014/main" id="{669D1D6B-1854-4721-BEC3-EDF11A6D2F30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80" name="OTLSHAPE_T_e1664b10a79849eaa7bb591159e4ff69_EndDate" hidden="1">
            <a:extLst>
              <a:ext uri="{FF2B5EF4-FFF2-40B4-BE49-F238E27FC236}">
                <a16:creationId xmlns:a16="http://schemas.microsoft.com/office/drawing/2014/main" id="{E69FFE42-AFD0-4466-A88C-C8A9AE064476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81" name="OTLSHAPE_T_e1664b10a79849eaa7bb591159e4ff69_JoinedDate">
            <a:extLst>
              <a:ext uri="{FF2B5EF4-FFF2-40B4-BE49-F238E27FC236}">
                <a16:creationId xmlns:a16="http://schemas.microsoft.com/office/drawing/2014/main" id="{8EE98F2C-6552-411A-8EE9-C32F7223A2B2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974843" y="2852459"/>
            <a:ext cx="1356736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61" spc="-5" dirty="0" err="1">
                <a:solidFill>
                  <a:schemeClr val="bg1"/>
                </a:solidFill>
                <a:latin typeface="Calibri" panose="020F0502020204030204" pitchFamily="34" charset="0"/>
              </a:rPr>
              <a:t>Thur</a:t>
            </a:r>
            <a:r>
              <a:rPr lang="en-US" sz="1161" spc="-5" dirty="0">
                <a:solidFill>
                  <a:schemeClr val="bg1"/>
                </a:solidFill>
                <a:latin typeface="Calibri" panose="020F0502020204030204" pitchFamily="34" charset="0"/>
              </a:rPr>
              <a:t> 27.Oct - Fri 4.Nov</a:t>
            </a:r>
          </a:p>
        </p:txBody>
      </p:sp>
      <p:sp>
        <p:nvSpPr>
          <p:cNvPr id="82" name="OTLSHAPE_T_e1664b10a79849eaa7bb591159e4ff69_Title">
            <a:extLst>
              <a:ext uri="{FF2B5EF4-FFF2-40B4-BE49-F238E27FC236}">
                <a16:creationId xmlns:a16="http://schemas.microsoft.com/office/drawing/2014/main" id="{83BDCCBD-FE85-47B4-8210-858260878628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5350038" y="2843514"/>
            <a:ext cx="2477518" cy="1965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77" b="1" spc="-7" dirty="0">
                <a:solidFill>
                  <a:schemeClr val="bg1"/>
                </a:solidFill>
                <a:latin typeface="Calibri" panose="020F0502020204030204" pitchFamily="34" charset="0"/>
              </a:rPr>
              <a:t>Nomination / Register to vote Period</a:t>
            </a:r>
          </a:p>
        </p:txBody>
      </p:sp>
      <p:sp>
        <p:nvSpPr>
          <p:cNvPr id="109" name="OTLSHAPE_T_85ffb43cdd974451936cad87c9bb5db3_Duration" hidden="1">
            <a:extLst>
              <a:ext uri="{FF2B5EF4-FFF2-40B4-BE49-F238E27FC236}">
                <a16:creationId xmlns:a16="http://schemas.microsoft.com/office/drawing/2014/main" id="{8315A2CE-548D-4A6A-91FA-0BFABAFBEF94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57712" y="-347435"/>
            <a:ext cx="383425" cy="357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61">
                <a:solidFill>
                  <a:schemeClr val="accent2"/>
                </a:solidFill>
              </a:rPr>
              <a:t>4 days</a:t>
            </a:r>
          </a:p>
        </p:txBody>
      </p:sp>
      <p:sp>
        <p:nvSpPr>
          <p:cNvPr id="110" name="OTLSHAPE_T_85ffb43cdd974451936cad87c9bb5db3_TextPercentage" hidden="1">
            <a:extLst>
              <a:ext uri="{FF2B5EF4-FFF2-40B4-BE49-F238E27FC236}">
                <a16:creationId xmlns:a16="http://schemas.microsoft.com/office/drawing/2014/main" id="{BBFE2795-C211-4159-A668-CF6F894F04F8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61">
              <a:solidFill>
                <a:schemeClr val="accent2"/>
              </a:solidFill>
            </a:endParaRPr>
          </a:p>
        </p:txBody>
      </p:sp>
      <p:sp>
        <p:nvSpPr>
          <p:cNvPr id="111" name="OTLSHAPE_T_85ffb43cdd974451936cad87c9bb5db3_StartDate" hidden="1">
            <a:extLst>
              <a:ext uri="{FF2B5EF4-FFF2-40B4-BE49-F238E27FC236}">
                <a16:creationId xmlns:a16="http://schemas.microsoft.com/office/drawing/2014/main" id="{D1FFE264-C792-468C-A7C8-0140D01A593B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112" name="OTLSHAPE_T_85ffb43cdd974451936cad87c9bb5db3_EndDate" hidden="1">
            <a:extLst>
              <a:ext uri="{FF2B5EF4-FFF2-40B4-BE49-F238E27FC236}">
                <a16:creationId xmlns:a16="http://schemas.microsoft.com/office/drawing/2014/main" id="{54C790EC-AD73-4991-B9B2-AA4DB559BAEB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113" name="OTLSHAPE_T_85ffb43cdd974451936cad87c9bb5db3_JoinedDate">
            <a:extLst>
              <a:ext uri="{FF2B5EF4-FFF2-40B4-BE49-F238E27FC236}">
                <a16:creationId xmlns:a16="http://schemas.microsoft.com/office/drawing/2014/main" id="{B01B6454-71B5-41B3-A5E0-EB679937943E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349817" y="3094705"/>
            <a:ext cx="1474713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61" spc="-2">
                <a:solidFill>
                  <a:schemeClr val="bg1"/>
                </a:solidFill>
                <a:latin typeface="Calibri" panose="020F0502020204030204" pitchFamily="34" charset="0"/>
              </a:rPr>
              <a:t>Mon 7.Nov - Thu 10.Nov</a:t>
            </a:r>
            <a:endParaRPr lang="en-US" sz="1161" spc="-2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85ffb43cdd974451936cad87c9bb5db3_Title">
            <a:extLst>
              <a:ext uri="{FF2B5EF4-FFF2-40B4-BE49-F238E27FC236}">
                <a16:creationId xmlns:a16="http://schemas.microsoft.com/office/drawing/2014/main" id="{784CAA29-BD09-4712-B6DE-35734752216B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7092334" y="3085760"/>
            <a:ext cx="1165023" cy="1965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77" b="1" spc="-9">
                <a:solidFill>
                  <a:schemeClr val="bg1"/>
                </a:solidFill>
                <a:latin typeface="Calibri" panose="020F0502020204030204" pitchFamily="34" charset="0"/>
              </a:rPr>
              <a:t>Slate preparation</a:t>
            </a:r>
          </a:p>
        </p:txBody>
      </p:sp>
      <p:sp>
        <p:nvSpPr>
          <p:cNvPr id="141" name="OTLSHAPE_T_ee4428baded44f1b9fbe66b5519219b5_Duration" hidden="1">
            <a:extLst>
              <a:ext uri="{FF2B5EF4-FFF2-40B4-BE49-F238E27FC236}">
                <a16:creationId xmlns:a16="http://schemas.microsoft.com/office/drawing/2014/main" id="{1F3FD60B-712C-423F-8FDC-614F6FE53A33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557712" y="-353944"/>
            <a:ext cx="383425" cy="357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61">
                <a:solidFill>
                  <a:schemeClr val="accent2"/>
                </a:solidFill>
              </a:rPr>
              <a:t>3 days</a:t>
            </a:r>
          </a:p>
        </p:txBody>
      </p:sp>
      <p:sp>
        <p:nvSpPr>
          <p:cNvPr id="142" name="OTLSHAPE_T_ee4428baded44f1b9fbe66b5519219b5_TextPercentage" hidden="1">
            <a:extLst>
              <a:ext uri="{FF2B5EF4-FFF2-40B4-BE49-F238E27FC236}">
                <a16:creationId xmlns:a16="http://schemas.microsoft.com/office/drawing/2014/main" id="{779B2C9E-EBE7-45E5-9B38-AD08D6D6455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61">
              <a:solidFill>
                <a:schemeClr val="accent2"/>
              </a:solidFill>
            </a:endParaRPr>
          </a:p>
        </p:txBody>
      </p:sp>
      <p:sp>
        <p:nvSpPr>
          <p:cNvPr id="143" name="OTLSHAPE_T_ee4428baded44f1b9fbe66b5519219b5_StartDate" hidden="1">
            <a:extLst>
              <a:ext uri="{FF2B5EF4-FFF2-40B4-BE49-F238E27FC236}">
                <a16:creationId xmlns:a16="http://schemas.microsoft.com/office/drawing/2014/main" id="{669FE138-E3D0-4595-93EA-35003371446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144" name="OTLSHAPE_T_ee4428baded44f1b9fbe66b5519219b5_EndDate" hidden="1">
            <a:extLst>
              <a:ext uri="{FF2B5EF4-FFF2-40B4-BE49-F238E27FC236}">
                <a16:creationId xmlns:a16="http://schemas.microsoft.com/office/drawing/2014/main" id="{DF7AC282-5D42-48B1-9337-25DD0143F0C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145" name="OTLSHAPE_T_ee4428baded44f1b9fbe66b5519219b5_JoinedDate">
            <a:extLst>
              <a:ext uri="{FF2B5EF4-FFF2-40B4-BE49-F238E27FC236}">
                <a16:creationId xmlns:a16="http://schemas.microsoft.com/office/drawing/2014/main" id="{7A56456B-8A90-4186-97EE-2C09997AD1E5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578153" y="3336951"/>
            <a:ext cx="1400978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a-DK" sz="1161" spc="-7">
                <a:solidFill>
                  <a:schemeClr val="bg1"/>
                </a:solidFill>
                <a:latin typeface="Calibri" panose="020F0502020204030204" pitchFamily="34" charset="0"/>
              </a:rPr>
              <a:t>Fri 11.Nov - Tue 15.Nov</a:t>
            </a:r>
            <a:endParaRPr lang="en-US" sz="1161" spc="-7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ee4428baded44f1b9fbe66b5519219b5_Title">
            <a:extLst>
              <a:ext uri="{FF2B5EF4-FFF2-40B4-BE49-F238E27FC236}">
                <a16:creationId xmlns:a16="http://schemas.microsoft.com/office/drawing/2014/main" id="{19AFBF47-315C-4D5F-AD83-23011313376A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8544248" y="3328006"/>
            <a:ext cx="914322" cy="1965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77" b="1" spc="-12">
                <a:solidFill>
                  <a:schemeClr val="bg1"/>
                </a:solidFill>
                <a:latin typeface="Calibri" panose="020F0502020204030204" pitchFamily="34" charset="0"/>
              </a:rPr>
              <a:t>Voting Period</a:t>
            </a:r>
          </a:p>
        </p:txBody>
      </p:sp>
      <p:sp>
        <p:nvSpPr>
          <p:cNvPr id="149" name="OTLSHAPE_T_a1a676fbd78545babb16ecc35d69518b_Duration" hidden="1">
            <a:extLst>
              <a:ext uri="{FF2B5EF4-FFF2-40B4-BE49-F238E27FC236}">
                <a16:creationId xmlns:a16="http://schemas.microsoft.com/office/drawing/2014/main" id="{A479051D-B555-476A-B7B4-C1982E6A80E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57712" y="-347435"/>
            <a:ext cx="383425" cy="357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61">
                <a:solidFill>
                  <a:schemeClr val="accent2"/>
                </a:solidFill>
              </a:rPr>
              <a:t>3 days</a:t>
            </a:r>
          </a:p>
        </p:txBody>
      </p:sp>
      <p:sp>
        <p:nvSpPr>
          <p:cNvPr id="150" name="OTLSHAPE_T_a1a676fbd78545babb16ecc35d69518b_TextPercentage" hidden="1">
            <a:extLst>
              <a:ext uri="{FF2B5EF4-FFF2-40B4-BE49-F238E27FC236}">
                <a16:creationId xmlns:a16="http://schemas.microsoft.com/office/drawing/2014/main" id="{01660D44-B80B-469C-A772-AFADD92AF4D6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61">
              <a:solidFill>
                <a:schemeClr val="accent2"/>
              </a:solidFill>
            </a:endParaRPr>
          </a:p>
        </p:txBody>
      </p:sp>
      <p:sp>
        <p:nvSpPr>
          <p:cNvPr id="151" name="OTLSHAPE_T_a1a676fbd78545babb16ecc35d69518b_StartDate" hidden="1">
            <a:extLst>
              <a:ext uri="{FF2B5EF4-FFF2-40B4-BE49-F238E27FC236}">
                <a16:creationId xmlns:a16="http://schemas.microsoft.com/office/drawing/2014/main" id="{90A251CF-1442-465D-A1C6-17FF979AC112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152" name="OTLSHAPE_T_a1a676fbd78545babb16ecc35d69518b_EndDate" hidden="1">
            <a:extLst>
              <a:ext uri="{FF2B5EF4-FFF2-40B4-BE49-F238E27FC236}">
                <a16:creationId xmlns:a16="http://schemas.microsoft.com/office/drawing/2014/main" id="{FE3E3899-FB2C-4C7E-A85B-E5BE0B414FE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153" name="OTLSHAPE_T_a1a676fbd78545babb16ecc35d69518b_JoinedDate">
            <a:extLst>
              <a:ext uri="{FF2B5EF4-FFF2-40B4-BE49-F238E27FC236}">
                <a16:creationId xmlns:a16="http://schemas.microsoft.com/office/drawing/2014/main" id="{F799E0BD-ADFB-43AD-A09D-95E8430E88E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966998" y="3579197"/>
            <a:ext cx="1459966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61" spc="-5">
                <a:solidFill>
                  <a:schemeClr val="bg1"/>
                </a:solidFill>
                <a:latin typeface="Calibri" panose="020F0502020204030204" pitchFamily="34" charset="0"/>
              </a:rPr>
              <a:t>Wed 16.Nov - Fri 18.Nov</a:t>
            </a:r>
          </a:p>
        </p:txBody>
      </p:sp>
      <p:sp>
        <p:nvSpPr>
          <p:cNvPr id="154" name="OTLSHAPE_T_a1a676fbd78545babb16ecc35d69518b_Title">
            <a:extLst>
              <a:ext uri="{FF2B5EF4-FFF2-40B4-BE49-F238E27FC236}">
                <a16:creationId xmlns:a16="http://schemas.microsoft.com/office/drawing/2014/main" id="{64F649B6-7D4A-4966-91A6-B6DAF778FA9F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415397" y="3570252"/>
            <a:ext cx="1371483" cy="1965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77" b="1" spc="-5">
                <a:solidFill>
                  <a:schemeClr val="bg1"/>
                </a:solidFill>
                <a:latin typeface="Calibri" panose="020F0502020204030204" pitchFamily="34" charset="0"/>
              </a:rPr>
              <a:t>Confirmation period</a:t>
            </a:r>
          </a:p>
        </p:txBody>
      </p:sp>
      <p:sp>
        <p:nvSpPr>
          <p:cNvPr id="173" name="OTLSHAPE_T_cfe82d0cbb74492e9807beb8c9c7b909_Duration" hidden="1">
            <a:extLst>
              <a:ext uri="{FF2B5EF4-FFF2-40B4-BE49-F238E27FC236}">
                <a16:creationId xmlns:a16="http://schemas.microsoft.com/office/drawing/2014/main" id="{23241D50-58C6-4B97-B4F6-51C08B23E1D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57712" y="-264597"/>
            <a:ext cx="324437" cy="357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61">
                <a:solidFill>
                  <a:schemeClr val="accent2"/>
                </a:solidFill>
              </a:rPr>
              <a:t>1 day</a:t>
            </a:r>
          </a:p>
        </p:txBody>
      </p:sp>
      <p:sp>
        <p:nvSpPr>
          <p:cNvPr id="174" name="OTLSHAPE_T_cfe82d0cbb74492e9807beb8c9c7b909_TextPercentage" hidden="1">
            <a:extLst>
              <a:ext uri="{FF2B5EF4-FFF2-40B4-BE49-F238E27FC236}">
                <a16:creationId xmlns:a16="http://schemas.microsoft.com/office/drawing/2014/main" id="{2CFD58E4-53E8-46DD-8304-A4711EF5569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61">
              <a:solidFill>
                <a:schemeClr val="accent2"/>
              </a:solidFill>
            </a:endParaRPr>
          </a:p>
        </p:txBody>
      </p:sp>
      <p:sp>
        <p:nvSpPr>
          <p:cNvPr id="175" name="OTLSHAPE_T_cfe82d0cbb74492e9807beb8c9c7b909_StartDate" hidden="1">
            <a:extLst>
              <a:ext uri="{FF2B5EF4-FFF2-40B4-BE49-F238E27FC236}">
                <a16:creationId xmlns:a16="http://schemas.microsoft.com/office/drawing/2014/main" id="{EBC29B4E-62E5-4239-833F-E804063882D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176" name="OTLSHAPE_T_cfe82d0cbb74492e9807beb8c9c7b909_EndDate" hidden="1">
            <a:extLst>
              <a:ext uri="{FF2B5EF4-FFF2-40B4-BE49-F238E27FC236}">
                <a16:creationId xmlns:a16="http://schemas.microsoft.com/office/drawing/2014/main" id="{21047250-EEB7-4C45-8B58-AF069661FDF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177" name="OTLSHAPE_T_cfe82d0cbb74492e9807beb8c9c7b909_JoinedDate">
            <a:extLst>
              <a:ext uri="{FF2B5EF4-FFF2-40B4-BE49-F238E27FC236}">
                <a16:creationId xmlns:a16="http://schemas.microsoft.com/office/drawing/2014/main" id="{2511F381-5D6A-4590-A6FB-F80D66EA8577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9138031" y="3821443"/>
            <a:ext cx="766851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61" spc="-5">
                <a:solidFill>
                  <a:schemeClr val="bg1"/>
                </a:solidFill>
                <a:latin typeface="Calibri" panose="020F0502020204030204" pitchFamily="34" charset="0"/>
              </a:rPr>
              <a:t>Mon 21.Nov</a:t>
            </a:r>
          </a:p>
        </p:txBody>
      </p:sp>
      <p:sp>
        <p:nvSpPr>
          <p:cNvPr id="178" name="OTLSHAPE_T_cfe82d0cbb74492e9807beb8c9c7b909_Title">
            <a:extLst>
              <a:ext uri="{FF2B5EF4-FFF2-40B4-BE49-F238E27FC236}">
                <a16:creationId xmlns:a16="http://schemas.microsoft.com/office/drawing/2014/main" id="{D025D36E-BC46-49C2-858F-94B5D266753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0286544" y="3812498"/>
            <a:ext cx="3554059" cy="1965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77" b="1" spc="-5">
                <a:solidFill>
                  <a:schemeClr val="bg1"/>
                </a:solidFill>
                <a:latin typeface="Calibri" panose="020F0502020204030204" pitchFamily="34" charset="0"/>
              </a:rPr>
              <a:t>Blog announcement of members for each committee</a:t>
            </a:r>
          </a:p>
        </p:txBody>
      </p:sp>
      <p:sp>
        <p:nvSpPr>
          <p:cNvPr id="197" name="OTLSHAPE_T_9a73e463353c4d2abb641342adde4731_Duration" hidden="1">
            <a:extLst>
              <a:ext uri="{FF2B5EF4-FFF2-40B4-BE49-F238E27FC236}">
                <a16:creationId xmlns:a16="http://schemas.microsoft.com/office/drawing/2014/main" id="{6AF50B72-FC92-485C-BA63-E9232F1C5C1C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57712" y="-436782"/>
            <a:ext cx="457161" cy="357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61">
                <a:solidFill>
                  <a:schemeClr val="accent2"/>
                </a:solidFill>
              </a:rPr>
              <a:t>10 days</a:t>
            </a:r>
          </a:p>
        </p:txBody>
      </p:sp>
      <p:sp>
        <p:nvSpPr>
          <p:cNvPr id="198" name="OTLSHAPE_T_9a73e463353c4d2abb641342adde4731_TextPercentage" hidden="1">
            <a:extLst>
              <a:ext uri="{FF2B5EF4-FFF2-40B4-BE49-F238E27FC236}">
                <a16:creationId xmlns:a16="http://schemas.microsoft.com/office/drawing/2014/main" id="{419DFE2A-67FB-40AA-83AB-9FB1EAEC2ED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61">
              <a:solidFill>
                <a:schemeClr val="accent2"/>
              </a:solidFill>
            </a:endParaRPr>
          </a:p>
        </p:txBody>
      </p:sp>
      <p:sp>
        <p:nvSpPr>
          <p:cNvPr id="199" name="OTLSHAPE_T_9a73e463353c4d2abb641342adde4731_StartDate" hidden="1">
            <a:extLst>
              <a:ext uri="{FF2B5EF4-FFF2-40B4-BE49-F238E27FC236}">
                <a16:creationId xmlns:a16="http://schemas.microsoft.com/office/drawing/2014/main" id="{F5D318EF-2F73-48E1-AFAB-10CF20CC0AD5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200" name="OTLSHAPE_T_9a73e463353c4d2abb641342adde4731_EndDate" hidden="1">
            <a:extLst>
              <a:ext uri="{FF2B5EF4-FFF2-40B4-BE49-F238E27FC236}">
                <a16:creationId xmlns:a16="http://schemas.microsoft.com/office/drawing/2014/main" id="{DA3F7F49-2001-4118-B434-1494C6002145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201" name="OTLSHAPE_T_9a73e463353c4d2abb641342adde4731_JoinedDate">
            <a:extLst>
              <a:ext uri="{FF2B5EF4-FFF2-40B4-BE49-F238E27FC236}">
                <a16:creationId xmlns:a16="http://schemas.microsoft.com/office/drawing/2014/main" id="{84C021E1-AD87-4CEF-84C8-4D7D2750F9C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501446" y="4261695"/>
            <a:ext cx="1386231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nn-NO" sz="1161" spc="-2">
                <a:solidFill>
                  <a:schemeClr val="bg1"/>
                </a:solidFill>
                <a:latin typeface="Calibri" panose="020F0502020204030204" pitchFamily="34" charset="0"/>
              </a:rPr>
              <a:t>Mon 21.Nov - Fri 2.Dec</a:t>
            </a:r>
            <a:endParaRPr lang="en-US" sz="1161" spc="-2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T_9a73e463353c4d2abb641342adde4731_Title">
            <a:extLst>
              <a:ext uri="{FF2B5EF4-FFF2-40B4-BE49-F238E27FC236}">
                <a16:creationId xmlns:a16="http://schemas.microsoft.com/office/drawing/2014/main" id="{DE798F9F-422A-45A5-A704-27FCD64D53A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3480755" y="4056221"/>
            <a:ext cx="1209264" cy="5895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77" b="1">
                <a:solidFill>
                  <a:schemeClr val="bg1"/>
                </a:solidFill>
                <a:latin typeface="Calibri" panose="020F0502020204030204" pitchFamily="34" charset="0"/>
              </a:rPr>
              <a:t>Transition Week - Committee initial meetings</a:t>
            </a:r>
          </a:p>
        </p:txBody>
      </p:sp>
      <p:sp>
        <p:nvSpPr>
          <p:cNvPr id="12" name="Title 108">
            <a:extLst>
              <a:ext uri="{FF2B5EF4-FFF2-40B4-BE49-F238E27FC236}">
                <a16:creationId xmlns:a16="http://schemas.microsoft.com/office/drawing/2014/main" id="{259544AE-7252-FC4D-272E-F0C47E041F0A}"/>
              </a:ext>
            </a:extLst>
          </p:cNvPr>
          <p:cNvSpPr txBox="1">
            <a:spLocks/>
          </p:cNvSpPr>
          <p:nvPr/>
        </p:nvSpPr>
        <p:spPr>
          <a:xfrm>
            <a:off x="1516275" y="667098"/>
            <a:ext cx="12210624" cy="1539232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5109" dirty="0">
                <a:solidFill>
                  <a:schemeClr val="bg1"/>
                </a:solidFill>
              </a:rPr>
              <a:t>Mojaloop Community Governance Elections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6C7A8EA1-48FF-5592-0294-CE1706E71642}"/>
              </a:ext>
            </a:extLst>
          </p:cNvPr>
          <p:cNvPicPr>
            <a:picLocks noChangeAspect="1"/>
          </p:cNvPicPr>
          <p:nvPr/>
        </p:nvPicPr>
        <p:blipFill>
          <a:blip r:embed="rId63">
            <a:extLst>
              <a:ext uri="{96DAC541-7B7A-43D3-8B79-37D633B846F1}">
                <asvg:svgBlip xmlns:asvg="http://schemas.microsoft.com/office/drawing/2016/SVG/main" r:embed="rId64"/>
              </a:ext>
            </a:extLst>
          </a:blip>
          <a:stretch>
            <a:fillRect/>
          </a:stretch>
        </p:blipFill>
        <p:spPr>
          <a:xfrm>
            <a:off x="778770" y="6381630"/>
            <a:ext cx="3217305" cy="1023687"/>
          </a:xfrm>
          <a:prstGeom prst="rect">
            <a:avLst/>
          </a:prstGeom>
          <a:effectLst>
            <a:outerShdw blurRad="254000" dist="38100" dir="5400000" sx="125000" sy="125000" algn="t" rotWithShape="0">
              <a:srgbClr val="00A4FF"/>
            </a:out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68794821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13A8CC-F7F4-0242-8A3C-B7BB87A902FF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1047748" y="423863"/>
            <a:ext cx="13147675" cy="1539875"/>
          </a:xfrm>
        </p:spPr>
        <p:txBody>
          <a:bodyPr/>
          <a:lstStyle/>
          <a:p>
            <a:pPr algn="ctr"/>
            <a:r>
              <a:rPr lang="en-KE" dirty="0">
                <a:solidFill>
                  <a:schemeClr val="bg1"/>
                </a:solidFill>
              </a:rPr>
              <a:t>2022 Election Slat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150CB20-FCE8-2B41-8FFC-53DB9731CE59}"/>
              </a:ext>
            </a:extLst>
          </p:cNvPr>
          <p:cNvSpPr>
            <a:spLocks noGrp="1"/>
          </p:cNvSpPr>
          <p:nvPr>
            <p:ph idx="4294967295"/>
          </p:nvPr>
        </p:nvSpPr>
        <p:spPr>
          <a:xfrm>
            <a:off x="1047749" y="1963738"/>
            <a:ext cx="13147675" cy="5053013"/>
          </a:xfrm>
        </p:spPr>
        <p:txBody>
          <a:bodyPr>
            <a:normAutofit lnSpcReduction="10000"/>
          </a:bodyPr>
          <a:lstStyle/>
          <a:p>
            <a:pPr>
              <a:lnSpc>
                <a:spcPct val="200000"/>
              </a:lnSpc>
            </a:pPr>
            <a:r>
              <a:rPr lang="en-KE" dirty="0">
                <a:solidFill>
                  <a:schemeClr val="bg1"/>
                </a:solidFill>
              </a:rPr>
              <a:t>Community Council (9 openings)</a:t>
            </a:r>
          </a:p>
          <a:p>
            <a:pPr>
              <a:lnSpc>
                <a:spcPct val="200000"/>
              </a:lnSpc>
            </a:pPr>
            <a:r>
              <a:rPr lang="en-KE" dirty="0">
                <a:solidFill>
                  <a:schemeClr val="bg1"/>
                </a:solidFill>
              </a:rPr>
              <a:t>Design Authority (5 openings)</a:t>
            </a:r>
          </a:p>
          <a:p>
            <a:pPr>
              <a:lnSpc>
                <a:spcPct val="200000"/>
              </a:lnSpc>
            </a:pPr>
            <a:r>
              <a:rPr lang="en-KE" dirty="0">
                <a:solidFill>
                  <a:schemeClr val="bg1"/>
                </a:solidFill>
              </a:rPr>
              <a:t>Change Control Board (2 openings)</a:t>
            </a:r>
          </a:p>
          <a:p>
            <a:pPr lvl="1">
              <a:lnSpc>
                <a:spcPct val="200000"/>
              </a:lnSpc>
            </a:pPr>
            <a:r>
              <a:rPr lang="en-KE" dirty="0">
                <a:solidFill>
                  <a:schemeClr val="bg1"/>
                </a:solidFill>
              </a:rPr>
              <a:t>Rapporteur (Chair)</a:t>
            </a:r>
          </a:p>
          <a:p>
            <a:pPr lvl="1">
              <a:lnSpc>
                <a:spcPct val="200000"/>
              </a:lnSpc>
            </a:pPr>
            <a:r>
              <a:rPr lang="en-KE" dirty="0">
                <a:solidFill>
                  <a:schemeClr val="bg1"/>
                </a:solidFill>
              </a:rPr>
              <a:t>Convenor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51F589C-85F1-6A46-8577-76B4D9E9C27F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11812588" y="7381875"/>
            <a:ext cx="3430587" cy="423863"/>
          </a:xfrm>
        </p:spPr>
        <p:txBody>
          <a:bodyPr/>
          <a:lstStyle/>
          <a:p>
            <a:fld id="{20AF9D7A-5BEE-9245-944A-197F51D542D9}" type="slidenum">
              <a:rPr lang="en-US" smtClean="0"/>
              <a:t>16</a:t>
            </a:fld>
            <a:endParaRPr lang="en-US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47DF8AC8-3213-B2BE-0682-86F27D53168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978118" y="6358188"/>
            <a:ext cx="3217305" cy="1023687"/>
          </a:xfrm>
          <a:prstGeom prst="rect">
            <a:avLst/>
          </a:prstGeom>
          <a:effectLst>
            <a:outerShdw blurRad="254000" dist="38100" dir="5400000" sx="125000" sy="125000" algn="t" rotWithShape="0">
              <a:srgbClr val="00A4FF"/>
            </a:outerShdw>
          </a:effectLst>
        </p:spPr>
      </p:pic>
    </p:spTree>
    <p:extLst>
      <p:ext uri="{BB962C8B-B14F-4D97-AF65-F5344CB8AC3E}">
        <p14:creationId xmlns:p14="http://schemas.microsoft.com/office/powerpoint/2010/main" val="118337283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>
            <a:extLst>
              <a:ext uri="{FF2B5EF4-FFF2-40B4-BE49-F238E27FC236}">
                <a16:creationId xmlns:a16="http://schemas.microsoft.com/office/drawing/2014/main" id="{92EE08A2-4604-7044-AA24-D89D98253CE9}"/>
              </a:ext>
            </a:extLst>
          </p:cNvPr>
          <p:cNvSpPr txBox="1"/>
          <p:nvPr/>
        </p:nvSpPr>
        <p:spPr>
          <a:xfrm>
            <a:off x="1226187" y="1076094"/>
            <a:ext cx="7100342" cy="114339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7430" b="1" spc="-93" dirty="0">
                <a:solidFill>
                  <a:srgbClr val="FDE74C"/>
                </a:solidFill>
                <a:latin typeface="Varela Round" pitchFamily="2" charset="-79"/>
                <a:cs typeface="Varela Round" pitchFamily="2" charset="-79"/>
              </a:rPr>
              <a:t>Congratulations</a:t>
            </a:r>
            <a:endParaRPr lang="en-US" sz="7430" spc="-93" dirty="0">
              <a:solidFill>
                <a:srgbClr val="FDE74C"/>
              </a:solidFill>
              <a:latin typeface="Varela Round" pitchFamily="2" charset="-79"/>
              <a:cs typeface="Varela Round" pitchFamily="2" charset="-79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E129194-5020-814D-9945-B7DFF425916F}"/>
              </a:ext>
            </a:extLst>
          </p:cNvPr>
          <p:cNvSpPr txBox="1"/>
          <p:nvPr/>
        </p:nvSpPr>
        <p:spPr>
          <a:xfrm>
            <a:off x="1226187" y="2358760"/>
            <a:ext cx="6805739" cy="367196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sz="3343" b="1" dirty="0">
                <a:solidFill>
                  <a:schemeClr val="bg1"/>
                </a:solidFill>
                <a:latin typeface="Varela Round" pitchFamily="2" charset="-79"/>
                <a:cs typeface="Varela Round" pitchFamily="2" charset="-79"/>
              </a:rPr>
              <a:t>to all our community members who received recognition during the PI-20 Community Meeting for their outstanding contribution to the Mojaloop Open Source Project</a:t>
            </a:r>
            <a:endParaRPr lang="en-US" sz="3343" dirty="0">
              <a:solidFill>
                <a:schemeClr val="bg1"/>
              </a:solidFill>
              <a:latin typeface="Varela Round" pitchFamily="2" charset="-79"/>
              <a:cs typeface="Varela Round" pitchFamily="2" charset="-79"/>
            </a:endParaRPr>
          </a:p>
        </p:txBody>
      </p:sp>
      <p:pic>
        <p:nvPicPr>
          <p:cNvPr id="19" name="Picture Placeholder 18" descr="A picture containing person, person, crowd&#10;&#10;Description automatically generated">
            <a:extLst>
              <a:ext uri="{FF2B5EF4-FFF2-40B4-BE49-F238E27FC236}">
                <a16:creationId xmlns:a16="http://schemas.microsoft.com/office/drawing/2014/main" id="{A9FD158F-F2B1-524C-847B-3BCFFD2920F6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3"/>
          <a:srcRect l="16639" r="16639"/>
          <a:stretch>
            <a:fillRect/>
          </a:stretch>
        </p:blipFill>
        <p:spPr/>
      </p:pic>
      <p:pic>
        <p:nvPicPr>
          <p:cNvPr id="20" name="Graphic 19">
            <a:extLst>
              <a:ext uri="{FF2B5EF4-FFF2-40B4-BE49-F238E27FC236}">
                <a16:creationId xmlns:a16="http://schemas.microsoft.com/office/drawing/2014/main" id="{55298754-E186-4741-9A06-C3BF5B2F63D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221504" y="6107281"/>
            <a:ext cx="3217305" cy="1023687"/>
          </a:xfrm>
          <a:prstGeom prst="rect">
            <a:avLst/>
          </a:prstGeom>
          <a:effectLst>
            <a:outerShdw blurRad="254000" dist="38100" dir="5400000" sx="125000" sy="125000" algn="t" rotWithShape="0">
              <a:srgbClr val="00A4FF"/>
            </a:outerShdw>
          </a:effectLst>
        </p:spPr>
      </p:pic>
    </p:spTree>
    <p:extLst>
      <p:ext uri="{BB962C8B-B14F-4D97-AF65-F5344CB8AC3E}">
        <p14:creationId xmlns:p14="http://schemas.microsoft.com/office/powerpoint/2010/main" val="91154066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F734CBFD-9F92-604C-A5F9-0796CD5A138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767225432"/>
              </p:ext>
            </p:extLst>
          </p:nvPr>
        </p:nvGraphicFramePr>
        <p:xfrm>
          <a:off x="833826" y="835780"/>
          <a:ext cx="13575522" cy="629292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6" name="Graphic 5">
            <a:extLst>
              <a:ext uri="{FF2B5EF4-FFF2-40B4-BE49-F238E27FC236}">
                <a16:creationId xmlns:a16="http://schemas.microsoft.com/office/drawing/2014/main" id="{CB727D33-33F0-B147-884D-3AF37F888EC4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1135253" y="6105021"/>
            <a:ext cx="3217305" cy="1023687"/>
          </a:xfrm>
          <a:prstGeom prst="rect">
            <a:avLst/>
          </a:prstGeom>
          <a:effectLst>
            <a:outerShdw blurRad="254000" dist="38100" dir="5400000" sx="125000" sy="125000" algn="t" rotWithShape="0">
              <a:srgbClr val="00A4FF"/>
            </a:outerShdw>
          </a:effectLst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1F1CD055-E8F1-4B26-A899-2F3FC5DD46F2}"/>
              </a:ext>
            </a:extLst>
          </p:cNvPr>
          <p:cNvSpPr txBox="1"/>
          <p:nvPr/>
        </p:nvSpPr>
        <p:spPr>
          <a:xfrm>
            <a:off x="10837246" y="641645"/>
            <a:ext cx="3531288" cy="102906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defTabSz="424646"/>
            <a:r>
              <a:rPr lang="en-US" sz="6687" b="1" spc="-93" dirty="0">
                <a:solidFill>
                  <a:srgbClr val="FDE74C"/>
                </a:solidFill>
                <a:latin typeface="Varela Round" pitchFamily="2" charset="-79"/>
                <a:cs typeface="Varela Round" pitchFamily="2" charset="-79"/>
              </a:rPr>
              <a:t>Q3 2022</a:t>
            </a:r>
            <a:endParaRPr lang="en-US" sz="6687" spc="-93" dirty="0">
              <a:solidFill>
                <a:srgbClr val="FDE74C"/>
              </a:solidFill>
              <a:latin typeface="Varela Round" pitchFamily="2" charset="-79"/>
              <a:cs typeface="Varela Round" pitchFamily="2" charset="-79"/>
            </a:endParaRPr>
          </a:p>
        </p:txBody>
      </p:sp>
    </p:spTree>
    <p:extLst>
      <p:ext uri="{BB962C8B-B14F-4D97-AF65-F5344CB8AC3E}">
        <p14:creationId xmlns:p14="http://schemas.microsoft.com/office/powerpoint/2010/main" val="8157710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1BCDC72C-4FB5-4E48-B7F8-BD0AE7F36E4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KE" dirty="0"/>
              <a:t>Mojaloop Training Program</a:t>
            </a:r>
          </a:p>
        </p:txBody>
      </p:sp>
      <p:sp>
        <p:nvSpPr>
          <p:cNvPr id="6" name="Subtitle 5">
            <a:extLst>
              <a:ext uri="{FF2B5EF4-FFF2-40B4-BE49-F238E27FC236}">
                <a16:creationId xmlns:a16="http://schemas.microsoft.com/office/drawing/2014/main" id="{23FB242A-D414-A546-9D4A-B26CCE2546F8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KE" dirty="0"/>
              <a:t>Quick update on Q3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34E880A-7469-4E6E-BA8F-474B020D00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174692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A86E0E-58B4-8054-CC0C-F31390522D14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1047749" y="158750"/>
            <a:ext cx="13147675" cy="1539875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User Data &amp; Course Completion-Q3 2022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81C627C-C4A6-ECC0-07BA-7C836FF324AC}"/>
              </a:ext>
            </a:extLst>
          </p:cNvPr>
          <p:cNvSpPr>
            <a:spLocks noGrp="1"/>
          </p:cNvSpPr>
          <p:nvPr>
            <p:ph type="sldNum" idx="4294967295"/>
          </p:nvPr>
        </p:nvSpPr>
        <p:spPr>
          <a:xfrm>
            <a:off x="11812588" y="7381875"/>
            <a:ext cx="3430587" cy="423863"/>
          </a:xfrm>
        </p:spPr>
        <p:txBody>
          <a:bodyPr/>
          <a:lstStyle/>
          <a:p>
            <a:fld id="{00000000-1234-1234-1234-123412341234}" type="slidenum">
              <a:rPr lang="en-US"/>
              <a:pPr/>
              <a:t>4</a:t>
            </a:fld>
            <a:endParaRPr lang="en-US"/>
          </a:p>
        </p:txBody>
      </p:sp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B2253A44-AA3D-3CDD-D28D-2EFE36965BC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26029288"/>
              </p:ext>
            </p:extLst>
          </p:nvPr>
        </p:nvGraphicFramePr>
        <p:xfrm>
          <a:off x="1589211" y="2995625"/>
          <a:ext cx="11406903" cy="4059594"/>
        </p:xfrm>
        <a:graphic>
          <a:graphicData uri="http://schemas.openxmlformats.org/drawingml/2006/table">
            <a:tbl>
              <a:tblPr firstRow="1" bandRow="1">
                <a:tableStyleId>{284E427A-3D55-4303-BF80-6455036E1DE7}</a:tableStyleId>
              </a:tblPr>
              <a:tblGrid>
                <a:gridCol w="1981748">
                  <a:extLst>
                    <a:ext uri="{9D8B030D-6E8A-4147-A177-3AD203B41FA5}">
                      <a16:colId xmlns:a16="http://schemas.microsoft.com/office/drawing/2014/main" val="990727750"/>
                    </a:ext>
                  </a:extLst>
                </a:gridCol>
                <a:gridCol w="2531707">
                  <a:extLst>
                    <a:ext uri="{9D8B030D-6E8A-4147-A177-3AD203B41FA5}">
                      <a16:colId xmlns:a16="http://schemas.microsoft.com/office/drawing/2014/main" val="4204896055"/>
                    </a:ext>
                  </a:extLst>
                </a:gridCol>
                <a:gridCol w="2863578">
                  <a:extLst>
                    <a:ext uri="{9D8B030D-6E8A-4147-A177-3AD203B41FA5}">
                      <a16:colId xmlns:a16="http://schemas.microsoft.com/office/drawing/2014/main" val="337425733"/>
                    </a:ext>
                  </a:extLst>
                </a:gridCol>
                <a:gridCol w="4029870">
                  <a:extLst>
                    <a:ext uri="{9D8B030D-6E8A-4147-A177-3AD203B41FA5}">
                      <a16:colId xmlns:a16="http://schemas.microsoft.com/office/drawing/2014/main" val="3873089054"/>
                    </a:ext>
                  </a:extLst>
                </a:gridCol>
              </a:tblGrid>
              <a:tr h="663621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Enrolled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Completion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Total Enrollments-Q2 and Q3*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1659115258"/>
                  </a:ext>
                </a:extLst>
              </a:tr>
              <a:tr h="283182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>
                          <a:solidFill>
                            <a:schemeClr val="bg1"/>
                          </a:solidFill>
                          <a:effectLst/>
                        </a:rPr>
                        <a:t>Moja 101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82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21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90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095865683"/>
                  </a:ext>
                </a:extLst>
              </a:tr>
              <a:tr h="363886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>
                          <a:solidFill>
                            <a:schemeClr val="bg1"/>
                          </a:solidFill>
                          <a:effectLst/>
                        </a:rPr>
                        <a:t>Moja 102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47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12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49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3404847988"/>
                  </a:ext>
                </a:extLst>
              </a:tr>
              <a:tr h="339184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>
                          <a:solidFill>
                            <a:schemeClr val="bg1"/>
                          </a:solidFill>
                          <a:effectLst/>
                        </a:rPr>
                        <a:t>Moja 103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dirty="0">
                          <a:solidFill>
                            <a:schemeClr val="bg1"/>
                          </a:solidFill>
                          <a:effectLst/>
                        </a:rPr>
                        <a:t>23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7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1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800422042"/>
                  </a:ext>
                </a:extLst>
              </a:tr>
              <a:tr h="363886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 dirty="0">
                          <a:solidFill>
                            <a:schemeClr val="bg1"/>
                          </a:solidFill>
                          <a:effectLst/>
                        </a:rPr>
                        <a:t>Moja 104</a:t>
                      </a:r>
                      <a:endParaRPr lang="en-US" sz="1000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10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5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10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130886351"/>
                  </a:ext>
                </a:extLst>
              </a:tr>
              <a:tr h="363886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>
                          <a:solidFill>
                            <a:schemeClr val="bg1"/>
                          </a:solidFill>
                          <a:effectLst/>
                        </a:rPr>
                        <a:t>DFSP 101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8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1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14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401584443"/>
                  </a:ext>
                </a:extLst>
              </a:tr>
              <a:tr h="368679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>
                          <a:solidFill>
                            <a:schemeClr val="bg1"/>
                          </a:solidFill>
                          <a:effectLst/>
                        </a:rPr>
                        <a:t>DFSP 209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4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0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4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1250193939"/>
                  </a:ext>
                </a:extLst>
              </a:tr>
              <a:tr h="363886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>
                          <a:solidFill>
                            <a:schemeClr val="bg1"/>
                          </a:solidFill>
                          <a:effectLst/>
                        </a:rPr>
                        <a:t>Scheme 101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9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2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9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884401725"/>
                  </a:ext>
                </a:extLst>
              </a:tr>
              <a:tr h="363886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>
                          <a:solidFill>
                            <a:schemeClr val="bg1"/>
                          </a:solidFill>
                          <a:effectLst/>
                        </a:rPr>
                        <a:t>HUB 101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20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7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20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3297764648"/>
                  </a:ext>
                </a:extLst>
              </a:tr>
              <a:tr h="283182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>
                          <a:solidFill>
                            <a:schemeClr val="bg1"/>
                          </a:solidFill>
                          <a:effectLst/>
                        </a:rPr>
                        <a:t>HUB 209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11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0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11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1874735887"/>
                  </a:ext>
                </a:extLst>
              </a:tr>
              <a:tr h="283182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>
                          <a:solidFill>
                            <a:schemeClr val="bg1"/>
                          </a:solidFill>
                          <a:effectLst/>
                        </a:rPr>
                        <a:t>TTK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9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0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dirty="0">
                          <a:solidFill>
                            <a:schemeClr val="bg1"/>
                          </a:solidFill>
                          <a:effectLst/>
                        </a:rPr>
                        <a:t>9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903012993"/>
                  </a:ext>
                </a:extLst>
              </a:tr>
            </a:tbl>
          </a:graphicData>
        </a:graphic>
      </p:graphicFrame>
      <p:sp>
        <p:nvSpPr>
          <p:cNvPr id="7" name="TextBox 6">
            <a:extLst>
              <a:ext uri="{FF2B5EF4-FFF2-40B4-BE49-F238E27FC236}">
                <a16:creationId xmlns:a16="http://schemas.microsoft.com/office/drawing/2014/main" id="{576748DF-6249-0331-7D1D-1A76CFFB7760}"/>
              </a:ext>
            </a:extLst>
          </p:cNvPr>
          <p:cNvSpPr txBox="1"/>
          <p:nvPr/>
        </p:nvSpPr>
        <p:spPr>
          <a:xfrm>
            <a:off x="6825243" y="3849520"/>
            <a:ext cx="1592690" cy="214422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53090" tIns="26545" rIns="53090" bIns="26545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endParaRPr lang="en-US" sz="1045"/>
          </a:p>
        </p:txBody>
      </p:sp>
      <p:graphicFrame>
        <p:nvGraphicFramePr>
          <p:cNvPr id="9" name="Table 8">
            <a:extLst>
              <a:ext uri="{FF2B5EF4-FFF2-40B4-BE49-F238E27FC236}">
                <a16:creationId xmlns:a16="http://schemas.microsoft.com/office/drawing/2014/main" id="{53E1DEDF-C364-DA93-13F5-14ECE2E0879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28854170"/>
              </p:ext>
            </p:extLst>
          </p:nvPr>
        </p:nvGraphicFramePr>
        <p:xfrm>
          <a:off x="1744054" y="1456995"/>
          <a:ext cx="11097215" cy="1418202"/>
        </p:xfrm>
        <a:graphic>
          <a:graphicData uri="http://schemas.openxmlformats.org/drawingml/2006/table">
            <a:tbl>
              <a:tblPr firstRow="1" bandRow="1">
                <a:tableStyleId>{284E427A-3D55-4303-BF80-6455036E1DE7}</a:tableStyleId>
              </a:tblPr>
              <a:tblGrid>
                <a:gridCol w="2766925">
                  <a:extLst>
                    <a:ext uri="{9D8B030D-6E8A-4147-A177-3AD203B41FA5}">
                      <a16:colId xmlns:a16="http://schemas.microsoft.com/office/drawing/2014/main" val="1704137116"/>
                    </a:ext>
                  </a:extLst>
                </a:gridCol>
                <a:gridCol w="3253904">
                  <a:extLst>
                    <a:ext uri="{9D8B030D-6E8A-4147-A177-3AD203B41FA5}">
                      <a16:colId xmlns:a16="http://schemas.microsoft.com/office/drawing/2014/main" val="1008417275"/>
                    </a:ext>
                  </a:extLst>
                </a:gridCol>
                <a:gridCol w="2538193">
                  <a:extLst>
                    <a:ext uri="{9D8B030D-6E8A-4147-A177-3AD203B41FA5}">
                      <a16:colId xmlns:a16="http://schemas.microsoft.com/office/drawing/2014/main" val="3405266119"/>
                    </a:ext>
                  </a:extLst>
                </a:gridCol>
                <a:gridCol w="2538193">
                  <a:extLst>
                    <a:ext uri="{9D8B030D-6E8A-4147-A177-3AD203B41FA5}">
                      <a16:colId xmlns:a16="http://schemas.microsoft.com/office/drawing/2014/main" val="1408198454"/>
                    </a:ext>
                  </a:extLst>
                </a:gridCol>
              </a:tblGrid>
              <a:tr h="485174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000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End Q3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marR="0" indent="0" algn="ctr" rtl="0" eaLnBrk="1" fontAlgn="auto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Totals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marR="0" indent="0" algn="ctr" rtl="0" eaLnBrk="1" fontAlgn="auto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% ↑ in Q3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457573517"/>
                  </a:ext>
                </a:extLst>
              </a:tr>
              <a:tr h="466514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 dirty="0">
                          <a:solidFill>
                            <a:schemeClr val="bg1"/>
                          </a:solidFill>
                          <a:effectLst/>
                        </a:rPr>
                        <a:t>Total Users</a:t>
                      </a:r>
                      <a:endParaRPr lang="en-US" sz="1000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107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950</a:t>
                      </a:r>
                      <a:endParaRPr lang="en-US" sz="1000">
                        <a:solidFill>
                          <a:schemeClr val="bg1"/>
                        </a:solidFill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+ 13%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3572659685"/>
                  </a:ext>
                </a:extLst>
              </a:tr>
              <a:tr h="466514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>
                          <a:solidFill>
                            <a:schemeClr val="bg1"/>
                          </a:solidFill>
                          <a:effectLst/>
                        </a:rPr>
                        <a:t>Total Countries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lvl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900" dirty="0">
                          <a:solidFill>
                            <a:schemeClr val="bg1"/>
                          </a:solidFill>
                          <a:effectLst/>
                        </a:rPr>
                        <a:t>94</a:t>
                      </a:r>
                      <a:endParaRPr lang="en-US" sz="1000" dirty="0">
                        <a:solidFill>
                          <a:schemeClr val="bg1"/>
                        </a:solidFill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94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900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938027380"/>
                  </a:ext>
                </a:extLst>
              </a:tr>
            </a:tbl>
          </a:graphicData>
        </a:graphic>
      </p:graphicFrame>
      <p:sp>
        <p:nvSpPr>
          <p:cNvPr id="10" name="TextBox 9">
            <a:extLst>
              <a:ext uri="{FF2B5EF4-FFF2-40B4-BE49-F238E27FC236}">
                <a16:creationId xmlns:a16="http://schemas.microsoft.com/office/drawing/2014/main" id="{DB6A404D-4258-0B5F-6DDF-945BFB0A9314}"/>
              </a:ext>
            </a:extLst>
          </p:cNvPr>
          <p:cNvSpPr txBox="1"/>
          <p:nvPr/>
        </p:nvSpPr>
        <p:spPr>
          <a:xfrm>
            <a:off x="6825243" y="3849520"/>
            <a:ext cx="1592690" cy="214422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53090" tIns="26545" rIns="53090" bIns="26545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endParaRPr lang="en-US" sz="1045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9308DA9D-F237-5EC2-7CC0-C4EBD795D663}"/>
              </a:ext>
            </a:extLst>
          </p:cNvPr>
          <p:cNvSpPr txBox="1"/>
          <p:nvPr/>
        </p:nvSpPr>
        <p:spPr>
          <a:xfrm>
            <a:off x="10027373" y="7282652"/>
            <a:ext cx="3247400" cy="643514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53090" tIns="26545" rIns="53090" bIns="26545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sz="1394" dirty="0">
                <a:solidFill>
                  <a:schemeClr val="bg1"/>
                </a:solidFill>
              </a:rPr>
              <a:t>*Q2 is Partial to New Training Platform being Launched</a:t>
            </a:r>
            <a:endParaRPr lang="en-US" sz="1045" dirty="0">
              <a:solidFill>
                <a:schemeClr val="bg1"/>
              </a:solidFill>
            </a:endParaRPr>
          </a:p>
          <a:p>
            <a:endParaRPr lang="en-US" sz="1045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3543729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6828622-D313-6862-8A0B-F2035D8C9019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1100846" y="158750"/>
            <a:ext cx="13147675" cy="1539875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</a:rPr>
              <a:t>Course Activity – Q3 2022 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5FBEB3F-3614-DB9D-390D-5240E3B5C986}"/>
              </a:ext>
            </a:extLst>
          </p:cNvPr>
          <p:cNvSpPr>
            <a:spLocks noGrp="1"/>
          </p:cNvSpPr>
          <p:nvPr>
            <p:ph type="sldNum" idx="4294967295"/>
          </p:nvPr>
        </p:nvSpPr>
        <p:spPr>
          <a:xfrm>
            <a:off x="11812588" y="7381875"/>
            <a:ext cx="3430587" cy="423863"/>
          </a:xfrm>
        </p:spPr>
        <p:txBody>
          <a:bodyPr/>
          <a:lstStyle/>
          <a:p>
            <a:fld id="{00000000-1234-1234-1234-123412341234}" type="slidenum">
              <a:rPr lang="en-US"/>
              <a:pPr/>
              <a:t>5</a:t>
            </a:fld>
            <a:endParaRPr lang="en-US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D0DFAFC2-B097-2170-C154-EDD0CC81480F}"/>
              </a:ext>
            </a:extLst>
          </p:cNvPr>
          <p:cNvSpPr txBox="1"/>
          <p:nvPr/>
        </p:nvSpPr>
        <p:spPr>
          <a:xfrm>
            <a:off x="6825243" y="3849520"/>
            <a:ext cx="1592690" cy="214422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53090" tIns="26545" rIns="53090" bIns="26545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endParaRPr lang="en-US" sz="1045"/>
          </a:p>
        </p:txBody>
      </p:sp>
      <p:pic>
        <p:nvPicPr>
          <p:cNvPr id="10" name="Picture 10" descr="Timeline&#10;&#10;Description automatically generated">
            <a:extLst>
              <a:ext uri="{FF2B5EF4-FFF2-40B4-BE49-F238E27FC236}">
                <a16:creationId xmlns:a16="http://schemas.microsoft.com/office/drawing/2014/main" id="{5C6075A0-C109-EA83-50F6-576614EAE68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674683" y="1618344"/>
            <a:ext cx="6808162" cy="5578097"/>
          </a:xfrm>
          <a:prstGeom prst="rect">
            <a:avLst/>
          </a:prstGeom>
        </p:spPr>
      </p:pic>
      <p:pic>
        <p:nvPicPr>
          <p:cNvPr id="11" name="Picture 11" descr="Chart, line chart&#10;&#10;Description automatically generated">
            <a:extLst>
              <a:ext uri="{FF2B5EF4-FFF2-40B4-BE49-F238E27FC236}">
                <a16:creationId xmlns:a16="http://schemas.microsoft.com/office/drawing/2014/main" id="{54E74E21-462C-9CEF-732A-D4074596D99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7043" y="1618344"/>
            <a:ext cx="6218200" cy="559058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8154979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>
            <a:extLst>
              <a:ext uri="{FF2B5EF4-FFF2-40B4-BE49-F238E27FC236}">
                <a16:creationId xmlns:a16="http://schemas.microsoft.com/office/drawing/2014/main" id="{92EE08A2-4604-7044-AA24-D89D98253CE9}"/>
              </a:ext>
            </a:extLst>
          </p:cNvPr>
          <p:cNvSpPr txBox="1"/>
          <p:nvPr/>
        </p:nvSpPr>
        <p:spPr>
          <a:xfrm>
            <a:off x="1226188" y="1076094"/>
            <a:ext cx="6041269" cy="114339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7430" b="1" spc="-93" dirty="0">
                <a:solidFill>
                  <a:srgbClr val="FDE74C"/>
                </a:solidFill>
                <a:latin typeface="Varela Round" pitchFamily="2" charset="-79"/>
                <a:cs typeface="Varela Round" pitchFamily="2" charset="-79"/>
              </a:rPr>
              <a:t>Awards Time!</a:t>
            </a:r>
            <a:endParaRPr lang="en-US" sz="7430" spc="-93" dirty="0">
              <a:solidFill>
                <a:srgbClr val="FDE74C"/>
              </a:solidFill>
              <a:latin typeface="Varela Round" pitchFamily="2" charset="-79"/>
              <a:cs typeface="Varela Round" pitchFamily="2" charset="-79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E129194-5020-814D-9945-B7DFF425916F}"/>
              </a:ext>
            </a:extLst>
          </p:cNvPr>
          <p:cNvSpPr txBox="1"/>
          <p:nvPr/>
        </p:nvSpPr>
        <p:spPr>
          <a:xfrm>
            <a:off x="1221505" y="2635750"/>
            <a:ext cx="6805739" cy="18199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690057" indent="-690057">
              <a:lnSpc>
                <a:spcPct val="120000"/>
              </a:lnSpc>
              <a:buFont typeface="+mj-lt"/>
              <a:buAutoNum type="arabicPeriod"/>
            </a:pPr>
            <a:r>
              <a:rPr lang="en-US" sz="3343" b="1" dirty="0">
                <a:solidFill>
                  <a:schemeClr val="bg1"/>
                </a:solidFill>
                <a:latin typeface="Varela Round" pitchFamily="2" charset="-79"/>
                <a:cs typeface="Varela Round" pitchFamily="2" charset="-79"/>
              </a:rPr>
              <a:t>Active Community Members</a:t>
            </a:r>
          </a:p>
          <a:p>
            <a:pPr marL="690057" indent="-690057">
              <a:lnSpc>
                <a:spcPct val="120000"/>
              </a:lnSpc>
              <a:buFont typeface="+mj-lt"/>
              <a:buAutoNum type="arabicPeriod"/>
            </a:pPr>
            <a:r>
              <a:rPr lang="en-US" sz="3343" b="1" dirty="0">
                <a:solidFill>
                  <a:schemeClr val="bg1"/>
                </a:solidFill>
                <a:latin typeface="Varela Round" pitchFamily="2" charset="-79"/>
                <a:cs typeface="Varela Round" pitchFamily="2" charset="-79"/>
              </a:rPr>
              <a:t>New &amp; Promising Members</a:t>
            </a:r>
          </a:p>
          <a:p>
            <a:pPr marL="690057" indent="-690057">
              <a:lnSpc>
                <a:spcPct val="120000"/>
              </a:lnSpc>
              <a:buFont typeface="+mj-lt"/>
              <a:buAutoNum type="arabicPeriod"/>
            </a:pPr>
            <a:r>
              <a:rPr lang="en-US" sz="3343" b="1" dirty="0">
                <a:solidFill>
                  <a:schemeClr val="bg1"/>
                </a:solidFill>
                <a:latin typeface="Varela Round" pitchFamily="2" charset="-79"/>
                <a:cs typeface="Varela Round" pitchFamily="2" charset="-79"/>
              </a:rPr>
              <a:t>Special Recognition</a:t>
            </a:r>
          </a:p>
        </p:txBody>
      </p:sp>
      <p:pic>
        <p:nvPicPr>
          <p:cNvPr id="19" name="Picture Placeholder 18" descr="A picture containing person, person, crowd&#10;&#10;Description automatically generated">
            <a:extLst>
              <a:ext uri="{FF2B5EF4-FFF2-40B4-BE49-F238E27FC236}">
                <a16:creationId xmlns:a16="http://schemas.microsoft.com/office/drawing/2014/main" id="{A9FD158F-F2B1-524C-847B-3BCFFD2920F6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/>
          <a:srcRect l="16639" r="16639"/>
          <a:stretch>
            <a:fillRect/>
          </a:stretch>
        </p:blipFill>
        <p:spPr/>
      </p:pic>
      <p:pic>
        <p:nvPicPr>
          <p:cNvPr id="20" name="Graphic 19">
            <a:extLst>
              <a:ext uri="{FF2B5EF4-FFF2-40B4-BE49-F238E27FC236}">
                <a16:creationId xmlns:a16="http://schemas.microsoft.com/office/drawing/2014/main" id="{55298754-E186-4741-9A06-C3BF5B2F63D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221504" y="6107281"/>
            <a:ext cx="3217305" cy="1023687"/>
          </a:xfrm>
          <a:prstGeom prst="rect">
            <a:avLst/>
          </a:prstGeom>
          <a:effectLst>
            <a:outerShdw blurRad="254000" dist="38100" dir="5400000" sx="125000" sy="125000" algn="t" rotWithShape="0">
              <a:srgbClr val="00A4FF"/>
            </a:outerShdw>
          </a:effectLst>
        </p:spPr>
      </p:pic>
    </p:spTree>
    <p:extLst>
      <p:ext uri="{BB962C8B-B14F-4D97-AF65-F5344CB8AC3E}">
        <p14:creationId xmlns:p14="http://schemas.microsoft.com/office/powerpoint/2010/main" val="25461672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1BCDC72C-4FB5-4E48-B7F8-BD0AE7F36E4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KE" dirty="0"/>
              <a:t>Active Community Members</a:t>
            </a:r>
          </a:p>
        </p:txBody>
      </p:sp>
      <p:sp>
        <p:nvSpPr>
          <p:cNvPr id="6" name="Subtitle 5">
            <a:extLst>
              <a:ext uri="{FF2B5EF4-FFF2-40B4-BE49-F238E27FC236}">
                <a16:creationId xmlns:a16="http://schemas.microsoft.com/office/drawing/2014/main" id="{23FB242A-D414-A546-9D4A-B26CCE2546F8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KE" dirty="0"/>
              <a:t>Recognizing Community Members who have actively contributed to the development of Mojaloop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34E880A-7469-4E6E-BA8F-474B020D00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1709732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>
            <a:extLst>
              <a:ext uri="{FF2B5EF4-FFF2-40B4-BE49-F238E27FC236}">
                <a16:creationId xmlns:a16="http://schemas.microsoft.com/office/drawing/2014/main" id="{2ACD99E5-38E9-1040-B311-5439C53A5F6D}"/>
              </a:ext>
            </a:extLst>
          </p:cNvPr>
          <p:cNvSpPr txBox="1"/>
          <p:nvPr/>
        </p:nvSpPr>
        <p:spPr>
          <a:xfrm>
            <a:off x="1384617" y="297880"/>
            <a:ext cx="9123626" cy="63741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defTabSz="394527"/>
            <a:r>
              <a:rPr lang="en-US" sz="4142" b="1" spc="-86" dirty="0">
                <a:solidFill>
                  <a:srgbClr val="FDE74C"/>
                </a:solidFill>
                <a:latin typeface="Varela Round" pitchFamily="2" charset="-79"/>
                <a:cs typeface="Varela Round" pitchFamily="2" charset="-79"/>
              </a:rPr>
              <a:t>Active Community Members</a:t>
            </a:r>
            <a:endParaRPr lang="en-US" sz="4142" spc="-86" dirty="0">
              <a:solidFill>
                <a:srgbClr val="FDE74C"/>
              </a:solidFill>
              <a:latin typeface="Varela Round" pitchFamily="2" charset="-79"/>
              <a:cs typeface="Varela Round" pitchFamily="2" charset="-79"/>
            </a:endParaRPr>
          </a:p>
        </p:txBody>
      </p:sp>
      <p:pic>
        <p:nvPicPr>
          <p:cNvPr id="57" name="Graphic 56">
            <a:extLst>
              <a:ext uri="{FF2B5EF4-FFF2-40B4-BE49-F238E27FC236}">
                <a16:creationId xmlns:a16="http://schemas.microsoft.com/office/drawing/2014/main" id="{BAD9F8AA-9CD6-9B45-B314-E4E9EBDEF9F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263006" y="6653337"/>
            <a:ext cx="2717163" cy="864552"/>
          </a:xfrm>
          <a:prstGeom prst="rect">
            <a:avLst/>
          </a:prstGeom>
          <a:effectLst>
            <a:outerShdw blurRad="254000" dist="38100" dir="5400000" algn="t" rotWithShape="0">
              <a:srgbClr val="00A4FF"/>
            </a:outerShdw>
          </a:effectLst>
        </p:spPr>
      </p:pic>
      <p:grpSp>
        <p:nvGrpSpPr>
          <p:cNvPr id="58" name="Group 57">
            <a:extLst>
              <a:ext uri="{FF2B5EF4-FFF2-40B4-BE49-F238E27FC236}">
                <a16:creationId xmlns:a16="http://schemas.microsoft.com/office/drawing/2014/main" id="{021B0500-FA1A-CE48-B144-0A88F04BC800}"/>
              </a:ext>
            </a:extLst>
          </p:cNvPr>
          <p:cNvGrpSpPr/>
          <p:nvPr/>
        </p:nvGrpSpPr>
        <p:grpSpPr>
          <a:xfrm>
            <a:off x="1384618" y="1267337"/>
            <a:ext cx="4496518" cy="6250552"/>
            <a:chOff x="516994" y="1711449"/>
            <a:chExt cx="3329309" cy="5943371"/>
          </a:xfrm>
        </p:grpSpPr>
        <p:sp>
          <p:nvSpPr>
            <p:cNvPr id="6" name="Rounded Rectangle 5">
              <a:extLst>
                <a:ext uri="{FF2B5EF4-FFF2-40B4-BE49-F238E27FC236}">
                  <a16:creationId xmlns:a16="http://schemas.microsoft.com/office/drawing/2014/main" id="{F6A036B3-19BE-8940-A16B-5B311E994ECD}"/>
                </a:ext>
              </a:extLst>
            </p:cNvPr>
            <p:cNvSpPr/>
            <p:nvPr/>
          </p:nvSpPr>
          <p:spPr>
            <a:xfrm>
              <a:off x="516994" y="2016204"/>
              <a:ext cx="3317507" cy="5638616"/>
            </a:xfrm>
            <a:prstGeom prst="roundRect">
              <a:avLst>
                <a:gd name="adj" fmla="val 6207"/>
              </a:avLst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94527"/>
              <a:endParaRPr lang="en-US" sz="1553" dirty="0">
                <a:solidFill>
                  <a:prstClr val="white"/>
                </a:solidFill>
                <a:latin typeface="Arial"/>
              </a:endParaRPr>
            </a:p>
          </p:txBody>
        </p:sp>
        <p:sp>
          <p:nvSpPr>
            <p:cNvPr id="10" name="Round Same Side Corner Rectangle 9">
              <a:extLst>
                <a:ext uri="{FF2B5EF4-FFF2-40B4-BE49-F238E27FC236}">
                  <a16:creationId xmlns:a16="http://schemas.microsoft.com/office/drawing/2014/main" id="{1ADA1597-9F35-464F-84B7-125EDAEAF1CB}"/>
                </a:ext>
              </a:extLst>
            </p:cNvPr>
            <p:cNvSpPr/>
            <p:nvPr/>
          </p:nvSpPr>
          <p:spPr>
            <a:xfrm>
              <a:off x="528796" y="1711449"/>
              <a:ext cx="3317507" cy="698700"/>
            </a:xfrm>
            <a:prstGeom prst="round2SameRect">
              <a:avLst>
                <a:gd name="adj1" fmla="val 26619"/>
                <a:gd name="adj2" fmla="val 0"/>
              </a:avLst>
            </a:prstGeom>
            <a:solidFill>
              <a:srgbClr val="FC440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94527"/>
              <a:r>
                <a:rPr lang="en-US" sz="3106" dirty="0">
                  <a:solidFill>
                    <a:prstClr val="white"/>
                  </a:solidFill>
                  <a:latin typeface="Varela Round"/>
                </a:rPr>
                <a:t>Q3 2022</a:t>
              </a: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1341CA85-FD4B-214E-ACC4-D9DAB996094C}"/>
                </a:ext>
              </a:extLst>
            </p:cNvPr>
            <p:cNvSpPr txBox="1"/>
            <p:nvPr/>
          </p:nvSpPr>
          <p:spPr>
            <a:xfrm>
              <a:off x="516994" y="2516819"/>
              <a:ext cx="3317506" cy="1736884"/>
            </a:xfrm>
            <a:prstGeom prst="rect">
              <a:avLst/>
            </a:prstGeom>
            <a:noFill/>
          </p:spPr>
          <p:txBody>
            <a:bodyPr wrap="square" rtlCol="0" anchor="t" anchorCtr="0">
              <a:spAutoFit/>
            </a:bodyPr>
            <a:lstStyle/>
            <a:p>
              <a:pPr algn="ctr" defTabSz="849461">
                <a:spcAft>
                  <a:spcPts val="2973"/>
                </a:spcAft>
              </a:pPr>
              <a:r>
                <a:rPr lang="pt-BR" sz="2090" b="1" dirty="0">
                  <a:solidFill>
                    <a:srgbClr val="FC440F"/>
                  </a:solidFill>
                </a:rPr>
                <a:t>Miguel de Barros</a:t>
              </a:r>
            </a:p>
            <a:p>
              <a:pPr algn="ctr" defTabSz="849461">
                <a:spcAft>
                  <a:spcPts val="2973"/>
                </a:spcAft>
              </a:pPr>
              <a:r>
                <a:rPr lang="pt-BR" sz="2090" b="1" dirty="0">
                  <a:solidFill>
                    <a:srgbClr val="FC440F"/>
                  </a:solidFill>
                </a:rPr>
                <a:t>Kevin </a:t>
              </a:r>
              <a:r>
                <a:rPr lang="pt-BR" sz="2090" b="1" dirty="0" err="1">
                  <a:solidFill>
                    <a:srgbClr val="FC440F"/>
                  </a:solidFill>
                </a:rPr>
                <a:t>Leyow</a:t>
              </a:r>
              <a:endParaRPr lang="pt-BR" sz="2090" b="1" dirty="0">
                <a:solidFill>
                  <a:srgbClr val="FC440F"/>
                </a:solidFill>
              </a:endParaRPr>
            </a:p>
            <a:p>
              <a:pPr algn="ctr" defTabSz="849461">
                <a:spcAft>
                  <a:spcPts val="2973"/>
                </a:spcAft>
              </a:pPr>
              <a:r>
                <a:rPr lang="pt-BR" sz="2090" b="1" dirty="0" err="1">
                  <a:solidFill>
                    <a:srgbClr val="FC440F"/>
                  </a:solidFill>
                </a:rPr>
                <a:t>Vijay</a:t>
              </a:r>
              <a:r>
                <a:rPr lang="pt-BR" sz="2090" b="1" dirty="0">
                  <a:solidFill>
                    <a:srgbClr val="FC440F"/>
                  </a:solidFill>
                </a:rPr>
                <a:t> </a:t>
              </a:r>
              <a:r>
                <a:rPr lang="pt-BR" sz="2090" b="1" dirty="0" err="1">
                  <a:solidFill>
                    <a:srgbClr val="FC440F"/>
                  </a:solidFill>
                </a:rPr>
                <a:t>Guthi</a:t>
              </a:r>
              <a:endParaRPr lang="en-US" sz="2090" b="1" dirty="0">
                <a:solidFill>
                  <a:srgbClr val="FC440F"/>
                </a:solidFill>
              </a:endParaRPr>
            </a:p>
          </p:txBody>
        </p:sp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B1608A66-F549-124B-A56C-23AEB1981ECD}"/>
                </a:ext>
              </a:extLst>
            </p:cNvPr>
            <p:cNvSpPr txBox="1"/>
            <p:nvPr/>
          </p:nvSpPr>
          <p:spPr>
            <a:xfrm>
              <a:off x="565500" y="4298127"/>
              <a:ext cx="3220492" cy="323458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 defTabSz="849461">
                <a:spcAft>
                  <a:spcPts val="1672"/>
                </a:spcAft>
              </a:pPr>
              <a:r>
                <a:rPr lang="en-US" sz="1858" dirty="0">
                  <a:latin typeface="Arial" panose="020B0604020202020204" pitchFamily="34" charset="0"/>
                  <a:cs typeface="Arial" panose="020B0604020202020204" pitchFamily="34" charset="0"/>
                </a:rPr>
                <a:t>Sridevi </a:t>
              </a:r>
              <a:r>
                <a:rPr lang="en-US" sz="1858" dirty="0" err="1">
                  <a:latin typeface="Arial" panose="020B0604020202020204" pitchFamily="34" charset="0"/>
                  <a:cs typeface="Arial" panose="020B0604020202020204" pitchFamily="34" charset="0"/>
                </a:rPr>
                <a:t>Miriyala</a:t>
              </a:r>
              <a:endParaRPr lang="en-US" sz="1858" dirty="0">
                <a:latin typeface="Arial" panose="020B0604020202020204" pitchFamily="34" charset="0"/>
                <a:cs typeface="Arial" panose="020B0604020202020204" pitchFamily="34" charset="0"/>
              </a:endParaRPr>
            </a:p>
            <a:p>
              <a:pPr algn="ctr" defTabSz="849461">
                <a:spcAft>
                  <a:spcPts val="1672"/>
                </a:spcAft>
              </a:pPr>
              <a:r>
                <a:rPr lang="en-US" sz="1858" dirty="0">
                  <a:latin typeface="Arial" panose="020B0604020202020204" pitchFamily="34" charset="0"/>
                  <a:cs typeface="Arial" panose="020B0604020202020204" pitchFamily="34" charset="0"/>
                </a:rPr>
                <a:t>Pedro Barreto</a:t>
              </a:r>
            </a:p>
            <a:p>
              <a:pPr algn="ctr" defTabSz="849461">
                <a:spcAft>
                  <a:spcPts val="1672"/>
                </a:spcAft>
              </a:pPr>
              <a:r>
                <a:rPr lang="en-US" sz="1858" dirty="0">
                  <a:latin typeface="Arial" panose="020B0604020202020204" pitchFamily="34" charset="0"/>
                  <a:cs typeface="Arial" panose="020B0604020202020204" pitchFamily="34" charset="0"/>
                </a:rPr>
                <a:t>Paul Baker</a:t>
              </a:r>
            </a:p>
            <a:p>
              <a:pPr algn="ctr" defTabSz="849461">
                <a:spcAft>
                  <a:spcPts val="1672"/>
                </a:spcAft>
              </a:pPr>
              <a:r>
                <a:rPr lang="en-US" sz="1858" dirty="0">
                  <a:solidFill>
                    <a:prstClr val="black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Sam </a:t>
              </a:r>
              <a:r>
                <a:rPr lang="en-US" sz="1858" dirty="0" err="1">
                  <a:solidFill>
                    <a:prstClr val="black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Kummary</a:t>
              </a:r>
              <a:endParaRPr lang="en-US" sz="1858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  <a:p>
              <a:pPr algn="ctr" defTabSz="849461">
                <a:spcAft>
                  <a:spcPts val="1672"/>
                </a:spcAft>
              </a:pPr>
              <a:r>
                <a:rPr lang="en-US" sz="1858" dirty="0" err="1">
                  <a:solidFill>
                    <a:prstClr val="black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Yevhen</a:t>
              </a:r>
              <a:r>
                <a:rPr lang="en-US" sz="1858" dirty="0">
                  <a:solidFill>
                    <a:prstClr val="black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 </a:t>
              </a:r>
              <a:r>
                <a:rPr lang="en-GB" sz="1858" dirty="0" err="1">
                  <a:solidFill>
                    <a:srgbClr val="000000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Kyriukha</a:t>
              </a:r>
              <a:endParaRPr lang="en-US" sz="1858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  <a:p>
              <a:pPr algn="ctr" defTabSz="849461">
                <a:spcAft>
                  <a:spcPts val="1672"/>
                </a:spcAft>
              </a:pPr>
              <a:r>
                <a:rPr lang="en-US" sz="1858" dirty="0">
                  <a:latin typeface="Arial" panose="020B0604020202020204" pitchFamily="34" charset="0"/>
                  <a:cs typeface="Arial" panose="020B0604020202020204" pitchFamily="34" charset="0"/>
                </a:rPr>
                <a:t>Michael Richards</a:t>
              </a:r>
            </a:p>
            <a:p>
              <a:pPr algn="ctr" defTabSz="849461">
                <a:spcAft>
                  <a:spcPts val="1672"/>
                </a:spcAft>
              </a:pPr>
              <a:r>
                <a:rPr lang="en-US" sz="1858" dirty="0">
                  <a:solidFill>
                    <a:prstClr val="black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Godfrey </a:t>
              </a:r>
              <a:r>
                <a:rPr lang="en-US" sz="1858" dirty="0" err="1">
                  <a:solidFill>
                    <a:prstClr val="black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Kutumela</a:t>
              </a:r>
              <a:endParaRPr lang="en-US" sz="1858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pic>
        <p:nvPicPr>
          <p:cNvPr id="25" name="Picture Placeholder 18" descr="A picture containing person, person, crowd&#10;&#10;Description automatically generated">
            <a:extLst>
              <a:ext uri="{FF2B5EF4-FFF2-40B4-BE49-F238E27FC236}">
                <a16:creationId xmlns:a16="http://schemas.microsoft.com/office/drawing/2014/main" id="{515E043B-5A14-43F5-B082-7CB42273A284}"/>
              </a:ext>
            </a:extLst>
          </p:cNvPr>
          <p:cNvPicPr>
            <a:picLocks noChangeAspect="1"/>
          </p:cNvPicPr>
          <p:nvPr/>
        </p:nvPicPr>
        <p:blipFill>
          <a:blip r:embed="rId5"/>
          <a:srcRect l="16639" r="16639"/>
          <a:stretch>
            <a:fillRect/>
          </a:stretch>
        </p:blipFill>
        <p:spPr>
          <a:xfrm>
            <a:off x="8534003" y="1182583"/>
            <a:ext cx="5600765" cy="5600765"/>
          </a:xfrm>
          <a:prstGeom prst="ellipse">
            <a:avLst/>
          </a:prstGeom>
          <a:ln>
            <a:solidFill>
              <a:srgbClr val="FC440F"/>
            </a:solidFill>
          </a:ln>
        </p:spPr>
      </p:pic>
      <p:pic>
        <p:nvPicPr>
          <p:cNvPr id="4" name="Picture Placeholder 18" descr="A picture containing person, person, crowd&#10;&#10;Description automatically generated">
            <a:extLst>
              <a:ext uri="{FF2B5EF4-FFF2-40B4-BE49-F238E27FC236}">
                <a16:creationId xmlns:a16="http://schemas.microsoft.com/office/drawing/2014/main" id="{725507BA-8E6D-E0CB-B0F9-D68E2C9091FB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5"/>
          <a:srcRect l="16639" r="16639"/>
          <a:stretch>
            <a:fillRect/>
          </a:stretch>
        </p:blipFill>
        <p:spPr>
          <a:xfrm>
            <a:off x="8275576" y="732413"/>
            <a:ext cx="6037410" cy="6499662"/>
          </a:xfrm>
        </p:spPr>
      </p:pic>
    </p:spTree>
    <p:extLst>
      <p:ext uri="{BB962C8B-B14F-4D97-AF65-F5344CB8AC3E}">
        <p14:creationId xmlns:p14="http://schemas.microsoft.com/office/powerpoint/2010/main" val="29016266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/>
                                        <p:tgtEl>
                                          <p:spTgt spid="5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#ppt_h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Effect transition="in" filter="wipe(up)">
                                      <p:cBhvr>
                                        <p:cTn id="8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1BCDC72C-4FB5-4E48-B7F8-BD0AE7F36E4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6644" y="2550693"/>
            <a:ext cx="8412208" cy="2437760"/>
          </a:xfrm>
        </p:spPr>
        <p:txBody>
          <a:bodyPr>
            <a:normAutofit fontScale="90000"/>
          </a:bodyPr>
          <a:lstStyle/>
          <a:p>
            <a:r>
              <a:rPr lang="en-KE" dirty="0"/>
              <a:t>New &amp; Promising Community Members</a:t>
            </a:r>
          </a:p>
        </p:txBody>
      </p:sp>
      <p:sp>
        <p:nvSpPr>
          <p:cNvPr id="6" name="Subtitle 5">
            <a:extLst>
              <a:ext uri="{FF2B5EF4-FFF2-40B4-BE49-F238E27FC236}">
                <a16:creationId xmlns:a16="http://schemas.microsoft.com/office/drawing/2014/main" id="{23FB242A-D414-A546-9D4A-B26CCE2546F8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KE" dirty="0"/>
              <a:t>Recognizing new and promising Community Members who have engaged actively in the Mojaloop ecosystem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34E880A-7469-4E6E-BA8F-474B020D00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597943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w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lRvZGF5VGV4dFN0eWxlIjp7IiRpZCI6IjMwIiwiRm9udFNldHRpbmdzIjp7IiRpZCI6IjMxIiwiRm9udFNpemUiOjEyLCJGb250TmFtZSI6IkNhbGlicmkiLCJJc0JvbGQiOmZhbHNlLCJJc0l0YWxpYyI6ZmFsc2UsIklzVW5kZXJsaW5lZCI6ZmFsc2UsIlBhcmVudFN0eWxlIjpudWxsfSwiQXV0b1NpemUiOjAsIkZvcmVncm91bmQiOnsiJGlkIjoiMzIiLCJDb2xvciI6eyIkaWQiOiIz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JvdHRvbVRpZXJTY2FsZVN0eWxlIjp7IiRpZCI6IjUyIiwiU2hhcGUiOjMsIlNob3dTZWdtZW50U2VwYXJhdG9ycyI6ZmFsc2UsIlNlZ21lbnRTZXBhcmF0b3JPcGFjaXR5IjozMCwiSGFzQmVlblZpc2libGVCZWZvcmUiOmZhbHNlLCJGb250U2V0dGluZ3MiOnsiJGlkIjoiNTMiLCJGb250U2l6ZSI6MTIsIkZvbnROYW1lIjoiQ2FsaWJyaSIsIklzQm9sZCI6ZmFsc2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OCIsIlRvcCI6MC4wLCJMZWZ0IjowLjAsIlJpZ2h0IjowLjAsIkJvdHRvbSI6MC4wfSwiUGFkZGluZyI6eyIkaWQiOiI3OSIsIlRvcCI6MC4wLCJMZWZ0IjowLjAsIlJpZ2h0IjowLjAsIkJvdHRvbSI6MC4wfSwiQmFja2dyb3VuZCI6eyIkaWQiOiI4MCIsIkNvbG9yIjp7IiRyZWYiOiIyMiJ9fSwiSXNWaXNpYmxlIjp0cnVlLCJXaWR0aCI6MC4wLCJIZWlnaHQiOjAuMCwiQm9yZGVyU3R5bGUiOm51bGwsIlBhcmVudFN0eWxlIjpudWxsfSwiRGF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kiLCJGb3JtYXQiOjAsIklzVmlzaWJsZSI6ZmFsc2UsIkxhc3RLbm93blZpc2liaWxpdHlTdGF0ZSI6ZmFsc2V9LCJJc1Zpc2libGUiOnRydWUsIlBhcmVudFN0eWxlIjpudWxsfSwiRGVmYXVsdFRhc2tTdHlsZSI6eyIkaWQiOiI5MCIsIlNoYXBlIjoxLCJTaGFwZVRoaWNrbmVzcyI6MCwiRHVyYXRpb25Gb3JtYXQiOjAsIkluY2x1ZGVOb25Xb3JraW5nRGF5c0luRHVyYXRpb24iOmZhbHNlLCJQZXJjZW50YWdlQ29tcGxldGV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cmVmIjoiMjIifX0sIklzVmlzaWJsZSI6dHJ1ZSwiV2lkdGgiOjAuMCwiSGVpZ2h0IjowLjAsIkJvcmRlclN0eWxlIjpudWxsLCJQYXJlbnRTdHlsZSI6bnVsbH0sIkRhdGVTdHlsZSI6eyIkaWQiOiIxMjYiLCJGb250U2V0dGluZ3MiOnsiJGlkIjoiMTI3IiwiRm9udFNpemUiOjEwLCJGb250TmFtZSI6IkNhbGlicmkiLCJJc0JvbGQiOmZhbHNlLCJJc0l0YWxpYyI6ZmFsc2UsIklzVW5kZXJsaW5lZCI6ZmFsc2UsIlBhcmVudFN0eWxlIjpudWxsfSwiQXV0b1NpemUiOjAsIkZvcmVncm91bmQiOnsiJGlkIjoiMTI4IiwiQ29sb3IiOnsiJGlkIjoiMTI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NCwiRmlsZVBhdGgiOiJDOlxcVXNlcnNcXG1jYW5ub25cXE9uZURyaXZlIC0gVmlydHVhbCwgSW5jXFxNb2phbG9vcFxcTW9qYWxvb3AtQ1MtT25nb2luZyBPcGVyYXRpb25zIChleHBvcnQpLnhscyIsIlRpbWVDb25maWd1cmF0aW9uIjp7IiRpZCI6IjQ1MS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0-26T00:00:00.0000000Z"/>
  <p:tag name="OTLENDDATE" val="2022-11-04T23:59:00.0000000Z"/>
  <p:tag name="OTLDATEFORMATSTRING" val="ddd d.MMM"/>
  <p:tag name="OTLDATEFORMATSEPARATOR" val=".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1-07T00:00:00.0000000Z"/>
  <p:tag name="OTLENDDATE" val="2022-11-10T23:59:00.0000000Z"/>
  <p:tag name="OTLDATEFORMATSTRING" val="ddd d.MMM"/>
  <p:tag name="OTLDATEFORMATSEPARATOR" val=".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1-11T00:00:00.0000000Z"/>
  <p:tag name="OTLENDDATE" val="2022-11-15T23:59:00.0000000Z"/>
  <p:tag name="OTLDATEFORMATSTRING" val="ddd d.MMM"/>
  <p:tag name="OTLDATEFORMATSEPARATOR" val=".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1-16T00:00:00.0000000Z"/>
  <p:tag name="OTLENDDATE" val="2022-11-18T23:59:00.0000000Z"/>
  <p:tag name="OTLDATEFORMATSTRING" val="ddd d.MMM"/>
  <p:tag name="OTLDATEFORMATSEPARATOR" val=".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1-21T00:00:00.0000000Z"/>
  <p:tag name="OTLENDDATE" val="2022-11-21T23:59:00.0000000Z"/>
  <p:tag name="OTLDATEFORMATSTRING" val="ddd d.MMM"/>
  <p:tag name="OTLDATEFORMATSEPARATOR" val=".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1-21T00:00:00.0000000Z"/>
  <p:tag name="OTLENDDATE" val="2022-12-02T23:59:00.0000000Z"/>
  <p:tag name="OTLDATEFORMATSTRING" val="ddd d.MMM"/>
  <p:tag name="OTLDATEFORMATSEPARATOR" val=".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/dd"/>
  <p:tag name="OTLTIMEBANDSCALETYPE" val="Weeks"/>
  <p:tag name="OTLTIMEBANDSHAPETYPE" val="RoundedCornerRectangleTimeband"/>
  <p:tag name="OTLTIMEBANDSHAPEHEIGHT" val="20"/>
  <p:tag name="OTLTIMEBANDSHAPEPADDINGLEFT" val="0"/>
  <p:tag name="OTLTIMEBANDENDDATE" val="2022-12-02T23:59:00.0000000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Mojaloop">
      <a:majorFont>
        <a:latin typeface="Varela Round"/>
        <a:ea typeface=""/>
        <a:cs typeface=""/>
      </a:majorFont>
      <a:minorFont>
        <a:latin typeface="Arial"/>
        <a:ea typeface=""/>
        <a:cs typeface="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Mojaloop Awards April 2022" id="{839ACB37-765B-6146-BACA-A61A146C58F7}" vid="{162AFF24-9023-A546-9C7F-955460147A32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MediaLengthInSeconds xmlns="af12d3ca-d309-4d9b-872e-f669d895b06e" xsi:nil="true"/>
    <SharedWithUsers xmlns="6354f033-77ec-451f-a4b1-89785309665d">
      <UserInfo>
        <DisplayName>Tayla Giuffrida</DisplayName>
        <AccountId>65</AccountId>
        <AccountType/>
      </UserInfo>
    </SharedWithUsers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8AAC203550B4E40A8ED4C6A11385C01" ma:contentTypeVersion="13" ma:contentTypeDescription="Create a new document." ma:contentTypeScope="" ma:versionID="1a8e0f591d3b1b40aba590a9e5f96a61">
  <xsd:schema xmlns:xsd="http://www.w3.org/2001/XMLSchema" xmlns:xs="http://www.w3.org/2001/XMLSchema" xmlns:p="http://schemas.microsoft.com/office/2006/metadata/properties" xmlns:ns2="af12d3ca-d309-4d9b-872e-f669d895b06e" xmlns:ns3="6354f033-77ec-451f-a4b1-89785309665d" targetNamespace="http://schemas.microsoft.com/office/2006/metadata/properties" ma:root="true" ma:fieldsID="fc14388904a9ca4fc1dcdc7ac7762609" ns2:_="" ns3:_="">
    <xsd:import namespace="af12d3ca-d309-4d9b-872e-f669d895b06e"/>
    <xsd:import namespace="6354f033-77ec-451f-a4b1-89785309665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Location" minOccurs="0"/>
                <xsd:element ref="ns2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f12d3ca-d309-4d9b-872e-f669d895b06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5" nillable="true" ma:displayName="Tags" ma:internalName="MediaServiceAutoTags" ma:readOnly="true">
      <xsd:simpleType>
        <xsd:restriction base="dms:Text"/>
      </xsd:simple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19" nillable="true" ma:displayName="Location" ma:internalName="MediaServiceLocation" ma:readOnly="true">
      <xsd:simpleType>
        <xsd:restriction base="dms:Text"/>
      </xsd:simpleType>
    </xsd:element>
    <xsd:element name="MediaLengthInSeconds" ma:index="20" nillable="true" ma:displayName="Length (seconds)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354f033-77ec-451f-a4b1-89785309665d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41339671-19CE-4667-BE82-0DBC69A0CD6D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E3B1F360-0DC3-4790-8603-165610F78D05}">
  <ds:schemaRefs>
    <ds:schemaRef ds:uri="http://schemas.microsoft.com/office/2006/metadata/properties"/>
    <ds:schemaRef ds:uri="http://schemas.microsoft.com/office/infopath/2007/PartnerControls"/>
    <ds:schemaRef ds:uri="af12d3ca-d309-4d9b-872e-f669d895b06e"/>
    <ds:schemaRef ds:uri="6354f033-77ec-451f-a4b1-89785309665d"/>
  </ds:schemaRefs>
</ds:datastoreItem>
</file>

<file path=customXml/itemProps3.xml><?xml version="1.0" encoding="utf-8"?>
<ds:datastoreItem xmlns:ds="http://schemas.openxmlformats.org/officeDocument/2006/customXml" ds:itemID="{E61237BC-03A1-41EF-B7AB-17FC6F801B1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f12d3ca-d309-4d9b-872e-f669d895b06e"/>
    <ds:schemaRef ds:uri="6354f033-77ec-451f-a4b1-89785309665d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40</TotalTime>
  <Words>472</Words>
  <Application>Microsoft Macintosh PowerPoint</Application>
  <PresentationFormat>Custom</PresentationFormat>
  <Paragraphs>170</Paragraphs>
  <Slides>17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1" baseType="lpstr">
      <vt:lpstr>Calibri</vt:lpstr>
      <vt:lpstr>Varela Round</vt:lpstr>
      <vt:lpstr>Arial</vt:lpstr>
      <vt:lpstr>Office Theme</vt:lpstr>
      <vt:lpstr>PowerPoint Presentation</vt:lpstr>
      <vt:lpstr>PowerPoint Presentation</vt:lpstr>
      <vt:lpstr>Mojaloop Training Program</vt:lpstr>
      <vt:lpstr>User Data &amp; Course Completion-Q3 2022</vt:lpstr>
      <vt:lpstr>Course Activity – Q3 2022 </vt:lpstr>
      <vt:lpstr>PowerPoint Presentation</vt:lpstr>
      <vt:lpstr>Active Community Members</vt:lpstr>
      <vt:lpstr>PowerPoint Presentation</vt:lpstr>
      <vt:lpstr>New &amp; Promising Community Members</vt:lpstr>
      <vt:lpstr>PowerPoint Presentation</vt:lpstr>
      <vt:lpstr>Special Recognition</vt:lpstr>
      <vt:lpstr>PowerPoint Presentation</vt:lpstr>
      <vt:lpstr>Notices &amp; Reminders</vt:lpstr>
      <vt:lpstr>Updating PI Schedule</vt:lpstr>
      <vt:lpstr>PowerPoint Presentation</vt:lpstr>
      <vt:lpstr>2022 Election Slat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Simeon Oriko</dc:creator>
  <cp:lastModifiedBy>Simeon Oriko</cp:lastModifiedBy>
  <cp:revision>16</cp:revision>
  <dcterms:created xsi:type="dcterms:W3CDTF">2022-10-28T08:31:53Z</dcterms:created>
  <dcterms:modified xsi:type="dcterms:W3CDTF">2022-10-28T09:22:0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8AAC203550B4E40A8ED4C6A11385C01</vt:lpwstr>
  </property>
  <property fmtid="{D5CDD505-2E9C-101B-9397-08002B2CF9AE}" pid="3" name="_SourceUrl">
    <vt:lpwstr/>
  </property>
  <property fmtid="{D5CDD505-2E9C-101B-9397-08002B2CF9AE}" pid="4" name="_SharedFileIndex">
    <vt:lpwstr/>
  </property>
  <property fmtid="{D5CDD505-2E9C-101B-9397-08002B2CF9AE}" pid="5" name="ComplianceAssetId">
    <vt:lpwstr/>
  </property>
  <property fmtid="{D5CDD505-2E9C-101B-9397-08002B2CF9AE}" pid="6" name="_ExtendedDescription">
    <vt:lpwstr/>
  </property>
  <property fmtid="{D5CDD505-2E9C-101B-9397-08002B2CF9AE}" pid="7" name="TriggerFlowInfo">
    <vt:lpwstr/>
  </property>
</Properties>
</file>